
<file path=[Content_Types].xml><?xml version="1.0" encoding="utf-8"?>
<Types xmlns="http://schemas.openxmlformats.org/package/2006/content-types">
  <Override PartName="/word/footnotes.xml" ContentType="application/vnd.openxmlformats-officedocument.wordprocessingml.footnotes+xml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endnotes.xml" ContentType="application/vnd.openxmlformats-officedocument.wordprocessingml.endnotes+xml"/>
  <Override PartName="/docProps/app.xml" ContentType="application/vnd.openxmlformats-officedocument.extended-properties+xml"/>
  <Override PartName="/word/settings.xml" ContentType="application/vnd.openxmlformats-officedocument.wordprocessingml.settings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docProps/custom.xml" ContentType="application/vnd.openxmlformats-officedocument.custom-properties+xml"/>
  <Override PartName="/word/footer1.xml" ContentType="application/vnd.openxmlformats-officedocument.wordprocessingml.footer+xml"/>
  <Override PartName="/word/theme/theme1.xml" ContentType="application/vnd.openxmlformats-officedocument.theme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fontTable.xml" ContentType="application/vnd.openxmlformats-officedocument.wordprocessingml.fontTable+xml"/>
  <Override PartName="/word/webSettings.xml" ContentType="application/vnd.openxmlformats-officedocument.wordprocessingml.webSettings+xml"/>
  <Override PartName="/word/header1.xml" ContentType="application/vnd.openxmlformats-officedocument.wordprocessingml.header+xml"/>
  <Override PartName="/docProps/core.xml" ContentType="application/vnd.openxmlformats-package.core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body>
    <w:tbl>
      <w:tblPr>
        <w:tblStyle w:val="TableGrid"/>
        <w:tblW w:w="10980" w:type="dxa"/>
        <w:jc w:val="right"/>
        <w:tblInd w:w="-1152" w:type="dxa"/>
        <w:tblLook w:val="01E0"/>
      </w:tblPr>
      <w:tblGrid>
        <w:gridCol w:w="6832"/>
        <w:gridCol w:w="559"/>
        <w:gridCol w:w="594"/>
        <w:gridCol w:w="605"/>
        <w:gridCol w:w="594"/>
        <w:gridCol w:w="683"/>
        <w:gridCol w:w="556"/>
        <w:gridCol w:w="557"/>
      </w:tblGrid>
      <w:tr w:rsidR="00C14CAE">
        <w:trPr>
          <w:jc w:val="right"/>
        </w:trPr>
        <w:tc>
          <w:tcPr>
            <w:tcW w:w="10980" w:type="dxa"/>
            <w:gridSpan w:val="8"/>
            <w:tcBorders>
              <w:bottom w:val="nil"/>
            </w:tcBorders>
          </w:tcPr>
          <w:p w:rsidR="00C14CAE" w:rsidRPr="006821A7" w:rsidRDefault="00C14CAE" w:rsidP="00643276">
            <w:pPr>
              <w:spacing w:before="120" w:after="120"/>
              <w:jc w:val="center"/>
              <w:rPr>
                <w:b/>
                <w:sz w:val="24"/>
                <w:szCs w:val="24"/>
                <w:u w:val="single"/>
              </w:rPr>
            </w:pPr>
            <w:smartTag w:uri="urn:schemas-microsoft-com:office:smarttags" w:element="place">
              <w:r w:rsidRPr="006821A7">
                <w:rPr>
                  <w:b/>
                  <w:sz w:val="24"/>
                  <w:szCs w:val="24"/>
                  <w:u w:val="single"/>
                </w:rPr>
                <w:t>WESTERN MASSACHUSETTS</w:t>
              </w:r>
            </w:smartTag>
            <w:r w:rsidRPr="006821A7">
              <w:rPr>
                <w:b/>
                <w:sz w:val="24"/>
                <w:szCs w:val="24"/>
                <w:u w:val="single"/>
              </w:rPr>
              <w:t xml:space="preserve"> LACROSSE OFFICIALS – </w:t>
            </w:r>
            <w:r w:rsidR="002B79F5">
              <w:rPr>
                <w:b/>
                <w:sz w:val="24"/>
                <w:szCs w:val="24"/>
                <w:u w:val="single"/>
              </w:rPr>
              <w:t>201</w:t>
            </w:r>
            <w:r w:rsidR="00643276">
              <w:rPr>
                <w:b/>
                <w:sz w:val="24"/>
                <w:szCs w:val="24"/>
                <w:u w:val="single"/>
              </w:rPr>
              <w:t>3</w:t>
            </w:r>
            <w:r w:rsidRPr="006821A7">
              <w:rPr>
                <w:b/>
                <w:sz w:val="24"/>
                <w:szCs w:val="24"/>
                <w:u w:val="single"/>
              </w:rPr>
              <w:t xml:space="preserve"> AVAILABILITY</w:t>
            </w:r>
          </w:p>
        </w:tc>
      </w:tr>
      <w:tr w:rsidR="00C01BFA">
        <w:trPr>
          <w:jc w:val="right"/>
        </w:trPr>
        <w:tc>
          <w:tcPr>
            <w:tcW w:w="10980" w:type="dxa"/>
            <w:gridSpan w:val="8"/>
            <w:tcBorders>
              <w:top w:val="nil"/>
              <w:bottom w:val="nil"/>
            </w:tcBorders>
            <w:shd w:val="clear" w:color="auto" w:fill="auto"/>
          </w:tcPr>
          <w:p w:rsidR="00C01BFA" w:rsidRPr="006821A7" w:rsidRDefault="00C01BFA" w:rsidP="006821A7">
            <w:pPr>
              <w:spacing w:before="120" w:after="120"/>
              <w:jc w:val="right"/>
              <w:rPr>
                <w:b/>
              </w:rPr>
            </w:pPr>
            <w:r w:rsidRPr="006821A7">
              <w:rPr>
                <w:b/>
              </w:rPr>
              <w:t xml:space="preserve">“X” OUT DATES WHEN YOU </w:t>
            </w:r>
            <w:r w:rsidRPr="006821A7">
              <w:rPr>
                <w:b/>
                <w:u w:val="single"/>
              </w:rPr>
              <w:t xml:space="preserve">ARE NOT </w:t>
            </w:r>
            <w:r w:rsidRPr="006821A7">
              <w:rPr>
                <w:b/>
              </w:rPr>
              <w:t>AVAILABLE</w:t>
            </w:r>
          </w:p>
        </w:tc>
      </w:tr>
      <w:tr w:rsidR="006821A7">
        <w:trPr>
          <w:jc w:val="right"/>
        </w:trPr>
        <w:tc>
          <w:tcPr>
            <w:tcW w:w="6832" w:type="dxa"/>
            <w:vMerge w:val="restart"/>
            <w:tcBorders>
              <w:top w:val="nil"/>
            </w:tcBorders>
          </w:tcPr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>________________________________</w:t>
            </w:r>
            <w:r w:rsidR="00AA69A4">
              <w:rPr>
                <w:sz w:val="24"/>
                <w:szCs w:val="24"/>
              </w:rPr>
              <w:t>___________________</w:t>
            </w:r>
            <w:r w:rsidRPr="006821A7">
              <w:rPr>
                <w:sz w:val="24"/>
                <w:szCs w:val="24"/>
              </w:rPr>
              <w:t>_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>Name</w:t>
            </w:r>
            <w:r w:rsidRPr="006821A7">
              <w:rPr>
                <w:sz w:val="24"/>
                <w:szCs w:val="24"/>
              </w:rPr>
              <w:tab/>
            </w:r>
            <w:r w:rsidRPr="006821A7">
              <w:rPr>
                <w:sz w:val="24"/>
                <w:szCs w:val="24"/>
              </w:rPr>
              <w:tab/>
            </w:r>
            <w:r w:rsidRPr="006821A7">
              <w:rPr>
                <w:sz w:val="24"/>
                <w:szCs w:val="24"/>
              </w:rPr>
              <w:tab/>
            </w:r>
            <w:r w:rsidRPr="006821A7">
              <w:rPr>
                <w:sz w:val="24"/>
                <w:szCs w:val="24"/>
              </w:rPr>
              <w:tab/>
            </w:r>
            <w:r w:rsidR="00AA69A4">
              <w:rPr>
                <w:sz w:val="24"/>
                <w:szCs w:val="24"/>
              </w:rPr>
              <w:tab/>
            </w:r>
            <w:r w:rsidR="00AA69A4">
              <w:rPr>
                <w:sz w:val="24"/>
                <w:szCs w:val="24"/>
              </w:rPr>
              <w:tab/>
            </w:r>
            <w:r w:rsidRPr="006821A7">
              <w:rPr>
                <w:sz w:val="24"/>
                <w:szCs w:val="24"/>
              </w:rPr>
              <w:t>Soc. Sec. #</w:t>
            </w:r>
          </w:p>
          <w:p w:rsidR="006821A7" w:rsidRPr="006821A7" w:rsidRDefault="006821A7" w:rsidP="006821A7">
            <w:pPr>
              <w:tabs>
                <w:tab w:val="right" w:pos="9360"/>
              </w:tabs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>________________________</w:t>
            </w:r>
            <w:r w:rsidR="00AA69A4">
              <w:rPr>
                <w:sz w:val="24"/>
                <w:szCs w:val="24"/>
              </w:rPr>
              <w:t>___________________</w:t>
            </w:r>
            <w:r w:rsidRPr="006821A7">
              <w:rPr>
                <w:sz w:val="24"/>
                <w:szCs w:val="24"/>
              </w:rPr>
              <w:t>_________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>Address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>________________________________</w:t>
            </w:r>
            <w:r w:rsidR="00AA69A4">
              <w:rPr>
                <w:sz w:val="24"/>
                <w:szCs w:val="24"/>
              </w:rPr>
              <w:t>___________________</w:t>
            </w:r>
            <w:r w:rsidRPr="006821A7">
              <w:rPr>
                <w:sz w:val="24"/>
                <w:szCs w:val="24"/>
              </w:rPr>
              <w:t>_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>Town</w:t>
            </w:r>
            <w:r w:rsidRPr="006821A7">
              <w:rPr>
                <w:sz w:val="24"/>
                <w:szCs w:val="24"/>
              </w:rPr>
              <w:tab/>
            </w:r>
            <w:r w:rsidRPr="006821A7">
              <w:rPr>
                <w:sz w:val="24"/>
                <w:szCs w:val="24"/>
              </w:rPr>
              <w:tab/>
            </w:r>
            <w:r w:rsidRPr="006821A7">
              <w:rPr>
                <w:sz w:val="24"/>
                <w:szCs w:val="24"/>
              </w:rPr>
              <w:tab/>
            </w:r>
            <w:r w:rsidR="00AA69A4">
              <w:rPr>
                <w:sz w:val="24"/>
                <w:szCs w:val="24"/>
              </w:rPr>
              <w:tab/>
            </w:r>
            <w:r w:rsidRPr="006821A7">
              <w:rPr>
                <w:sz w:val="24"/>
                <w:szCs w:val="24"/>
              </w:rPr>
              <w:t>State</w:t>
            </w:r>
            <w:r w:rsidRPr="006821A7">
              <w:rPr>
                <w:sz w:val="24"/>
                <w:szCs w:val="24"/>
              </w:rPr>
              <w:tab/>
            </w:r>
            <w:r w:rsidRPr="006821A7">
              <w:rPr>
                <w:sz w:val="24"/>
                <w:szCs w:val="24"/>
              </w:rPr>
              <w:tab/>
            </w:r>
            <w:r w:rsidR="00AA69A4">
              <w:rPr>
                <w:sz w:val="24"/>
                <w:szCs w:val="24"/>
              </w:rPr>
              <w:tab/>
            </w:r>
            <w:r w:rsidRPr="006821A7">
              <w:rPr>
                <w:sz w:val="24"/>
                <w:szCs w:val="24"/>
              </w:rPr>
              <w:t>ZIP</w:t>
            </w:r>
          </w:p>
          <w:p w:rsidR="006821A7" w:rsidRPr="006821A7" w:rsidRDefault="006821A7" w:rsidP="006821A7">
            <w:pPr>
              <w:tabs>
                <w:tab w:val="left" w:pos="6112"/>
              </w:tabs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>_______________________________</w:t>
            </w:r>
            <w:r w:rsidR="00AA69A4">
              <w:rPr>
                <w:sz w:val="24"/>
                <w:szCs w:val="24"/>
              </w:rPr>
              <w:t>____________________</w:t>
            </w:r>
            <w:r w:rsidRPr="006821A7">
              <w:rPr>
                <w:sz w:val="24"/>
                <w:szCs w:val="24"/>
              </w:rPr>
              <w:t>_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>Home Phone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>____________________</w:t>
            </w:r>
            <w:r w:rsidR="00AA69A4">
              <w:rPr>
                <w:sz w:val="24"/>
                <w:szCs w:val="24"/>
              </w:rPr>
              <w:t>___________________</w:t>
            </w:r>
            <w:r w:rsidRPr="006821A7">
              <w:rPr>
                <w:sz w:val="24"/>
                <w:szCs w:val="24"/>
              </w:rPr>
              <w:t>_____________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>Business Phone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>_________________________________</w:t>
            </w:r>
            <w:r w:rsidR="00AA69A4">
              <w:rPr>
                <w:sz w:val="24"/>
                <w:szCs w:val="24"/>
              </w:rPr>
              <w:t>___________________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>Cell Phone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>_________________________________</w:t>
            </w:r>
            <w:r w:rsidR="00AA69A4">
              <w:rPr>
                <w:sz w:val="24"/>
                <w:szCs w:val="24"/>
              </w:rPr>
              <w:t>___________________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>Email Address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b/>
                <w:sz w:val="24"/>
                <w:szCs w:val="24"/>
                <w:u w:val="single"/>
              </w:rPr>
              <w:t>EARLIEST LEAVING TIMES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  <w:u w:val="single"/>
              </w:rPr>
              <w:t>SUN</w:t>
            </w:r>
            <w:r w:rsidRPr="006821A7">
              <w:rPr>
                <w:sz w:val="24"/>
                <w:szCs w:val="24"/>
              </w:rPr>
              <w:t>.</w:t>
            </w:r>
            <w:r w:rsidR="00AA69A4">
              <w:rPr>
                <w:sz w:val="24"/>
                <w:szCs w:val="24"/>
              </w:rPr>
              <w:t xml:space="preserve">    </w:t>
            </w:r>
            <w:r w:rsidRPr="006821A7">
              <w:rPr>
                <w:sz w:val="24"/>
                <w:szCs w:val="24"/>
              </w:rPr>
              <w:t xml:space="preserve">  </w:t>
            </w:r>
            <w:r w:rsidRPr="006821A7">
              <w:rPr>
                <w:sz w:val="24"/>
                <w:szCs w:val="24"/>
                <w:u w:val="single"/>
              </w:rPr>
              <w:t>MON</w:t>
            </w:r>
            <w:r w:rsidRPr="006821A7">
              <w:rPr>
                <w:sz w:val="24"/>
                <w:szCs w:val="24"/>
              </w:rPr>
              <w:t>.</w:t>
            </w:r>
            <w:r w:rsidR="00AA69A4">
              <w:rPr>
                <w:sz w:val="24"/>
                <w:szCs w:val="24"/>
              </w:rPr>
              <w:t xml:space="preserve">    </w:t>
            </w:r>
            <w:r w:rsidRPr="006821A7">
              <w:rPr>
                <w:sz w:val="24"/>
                <w:szCs w:val="24"/>
              </w:rPr>
              <w:t xml:space="preserve">  </w:t>
            </w:r>
            <w:r w:rsidRPr="006821A7">
              <w:rPr>
                <w:sz w:val="24"/>
                <w:szCs w:val="24"/>
                <w:u w:val="single"/>
              </w:rPr>
              <w:t>TUES</w:t>
            </w:r>
            <w:r w:rsidRPr="006821A7">
              <w:rPr>
                <w:sz w:val="24"/>
                <w:szCs w:val="24"/>
              </w:rPr>
              <w:t xml:space="preserve">. </w:t>
            </w:r>
            <w:r w:rsidR="00AA69A4">
              <w:rPr>
                <w:sz w:val="24"/>
                <w:szCs w:val="24"/>
              </w:rPr>
              <w:t xml:space="preserve"> </w:t>
            </w:r>
            <w:r w:rsidRPr="006821A7">
              <w:rPr>
                <w:sz w:val="24"/>
                <w:szCs w:val="24"/>
              </w:rPr>
              <w:t xml:space="preserve"> </w:t>
            </w:r>
            <w:r w:rsidR="00AA69A4">
              <w:rPr>
                <w:sz w:val="24"/>
                <w:szCs w:val="24"/>
              </w:rPr>
              <w:t xml:space="preserve">   </w:t>
            </w:r>
            <w:r w:rsidRPr="006821A7">
              <w:rPr>
                <w:sz w:val="24"/>
                <w:szCs w:val="24"/>
                <w:u w:val="single"/>
              </w:rPr>
              <w:t>WED</w:t>
            </w:r>
            <w:r w:rsidRPr="006821A7">
              <w:rPr>
                <w:sz w:val="24"/>
                <w:szCs w:val="24"/>
              </w:rPr>
              <w:t xml:space="preserve">. </w:t>
            </w:r>
            <w:r w:rsidR="00AA69A4">
              <w:rPr>
                <w:sz w:val="24"/>
                <w:szCs w:val="24"/>
              </w:rPr>
              <w:t xml:space="preserve">    </w:t>
            </w:r>
            <w:r w:rsidRPr="006821A7">
              <w:rPr>
                <w:sz w:val="24"/>
                <w:szCs w:val="24"/>
              </w:rPr>
              <w:t xml:space="preserve"> </w:t>
            </w:r>
            <w:r w:rsidRPr="006821A7">
              <w:rPr>
                <w:sz w:val="24"/>
                <w:szCs w:val="24"/>
                <w:u w:val="single"/>
              </w:rPr>
              <w:t>THR</w:t>
            </w:r>
            <w:r w:rsidRPr="006821A7">
              <w:rPr>
                <w:sz w:val="24"/>
                <w:szCs w:val="24"/>
              </w:rPr>
              <w:t xml:space="preserve">. </w:t>
            </w:r>
            <w:r w:rsidR="00AA69A4">
              <w:rPr>
                <w:sz w:val="24"/>
                <w:szCs w:val="24"/>
              </w:rPr>
              <w:t xml:space="preserve">    </w:t>
            </w:r>
            <w:r w:rsidRPr="006821A7">
              <w:rPr>
                <w:sz w:val="24"/>
                <w:szCs w:val="24"/>
              </w:rPr>
              <w:t xml:space="preserve"> </w:t>
            </w:r>
            <w:r w:rsidRPr="006821A7">
              <w:rPr>
                <w:sz w:val="24"/>
                <w:szCs w:val="24"/>
                <w:u w:val="single"/>
              </w:rPr>
              <w:t>FRI</w:t>
            </w:r>
            <w:r w:rsidRPr="006821A7">
              <w:rPr>
                <w:sz w:val="24"/>
                <w:szCs w:val="24"/>
              </w:rPr>
              <w:t xml:space="preserve">. </w:t>
            </w:r>
            <w:r w:rsidR="00AA69A4">
              <w:rPr>
                <w:sz w:val="24"/>
                <w:szCs w:val="24"/>
              </w:rPr>
              <w:t xml:space="preserve">     </w:t>
            </w:r>
            <w:r w:rsidRPr="006821A7">
              <w:rPr>
                <w:sz w:val="24"/>
                <w:szCs w:val="24"/>
              </w:rPr>
              <w:t xml:space="preserve"> </w:t>
            </w:r>
            <w:r w:rsidRPr="006821A7">
              <w:rPr>
                <w:sz w:val="24"/>
                <w:szCs w:val="24"/>
                <w:u w:val="single"/>
              </w:rPr>
              <w:t>SAT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</w:p>
          <w:p w:rsidR="006821A7" w:rsidRPr="006821A7" w:rsidRDefault="006821A7" w:rsidP="006821A7">
            <w:pPr>
              <w:rPr>
                <w:b/>
                <w:sz w:val="24"/>
                <w:szCs w:val="24"/>
              </w:rPr>
            </w:pPr>
            <w:r w:rsidRPr="006821A7">
              <w:rPr>
                <w:b/>
                <w:sz w:val="24"/>
                <w:szCs w:val="24"/>
              </w:rPr>
              <w:t>LIMITATIONS: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b/>
                <w:sz w:val="24"/>
                <w:szCs w:val="24"/>
              </w:rPr>
              <w:t>(#/WK - MILEAGE - CONFLICTS, ETC.)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</w:p>
          <w:p w:rsidR="006821A7" w:rsidRPr="006821A7" w:rsidRDefault="00AA69A4" w:rsidP="006821A7">
            <w:pPr>
              <w:rPr>
                <w:sz w:val="24"/>
                <w:szCs w:val="24"/>
              </w:rPr>
            </w:pPr>
            <w:r>
              <w:rPr>
                <w:sz w:val="24"/>
                <w:szCs w:val="24"/>
              </w:rPr>
              <w:t>___________________</w:t>
            </w:r>
            <w:r w:rsidR="006821A7" w:rsidRPr="006821A7">
              <w:rPr>
                <w:sz w:val="24"/>
                <w:szCs w:val="24"/>
              </w:rPr>
              <w:t>_________________________________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>__________________</w:t>
            </w:r>
            <w:r w:rsidR="00AA69A4">
              <w:rPr>
                <w:sz w:val="24"/>
                <w:szCs w:val="24"/>
              </w:rPr>
              <w:t>___________________</w:t>
            </w:r>
            <w:r w:rsidRPr="006821A7">
              <w:rPr>
                <w:sz w:val="24"/>
                <w:szCs w:val="24"/>
              </w:rPr>
              <w:t>_______________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>_________________________________</w:t>
            </w:r>
            <w:r w:rsidR="00AA69A4">
              <w:rPr>
                <w:sz w:val="24"/>
                <w:szCs w:val="24"/>
              </w:rPr>
              <w:t>___________________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b/>
                <w:sz w:val="24"/>
                <w:szCs w:val="24"/>
              </w:rPr>
              <w:t>COMMENTS: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>_________________________________</w:t>
            </w:r>
            <w:r w:rsidR="00AA69A4">
              <w:rPr>
                <w:sz w:val="24"/>
                <w:szCs w:val="24"/>
              </w:rPr>
              <w:t>___________________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</w:p>
          <w:p w:rsidR="00AA69A4" w:rsidRDefault="006821A7" w:rsidP="006821A7">
            <w:pPr>
              <w:rPr>
                <w:b/>
                <w:sz w:val="24"/>
                <w:szCs w:val="24"/>
              </w:rPr>
            </w:pPr>
            <w:r w:rsidRPr="006821A7">
              <w:rPr>
                <w:b/>
                <w:sz w:val="24"/>
                <w:szCs w:val="24"/>
              </w:rPr>
              <w:t>I am interested in officiating youth lacrosse</w:t>
            </w:r>
          </w:p>
          <w:p w:rsidR="006821A7" w:rsidRPr="006821A7" w:rsidRDefault="00AA69A4" w:rsidP="006821A7">
            <w:pPr>
              <w:rPr>
                <w:b/>
                <w:sz w:val="24"/>
                <w:szCs w:val="24"/>
              </w:rPr>
            </w:pPr>
            <w:r>
              <w:rPr>
                <w:b/>
                <w:sz w:val="24"/>
                <w:szCs w:val="24"/>
              </w:rPr>
              <w:t xml:space="preserve"> </w:t>
            </w:r>
            <w:r w:rsidR="006821A7" w:rsidRPr="006821A7">
              <w:rPr>
                <w:b/>
                <w:sz w:val="24"/>
                <w:szCs w:val="24"/>
              </w:rPr>
              <w:t xml:space="preserve">games </w:t>
            </w:r>
            <w:r>
              <w:rPr>
                <w:b/>
                <w:sz w:val="24"/>
                <w:szCs w:val="24"/>
              </w:rPr>
              <w:t xml:space="preserve">      </w:t>
            </w:r>
            <w:r w:rsidR="006821A7" w:rsidRPr="006821A7">
              <w:rPr>
                <w:b/>
                <w:sz w:val="24"/>
                <w:szCs w:val="24"/>
              </w:rPr>
              <w:t xml:space="preserve">_____yes </w:t>
            </w:r>
            <w:r>
              <w:rPr>
                <w:b/>
                <w:sz w:val="24"/>
                <w:szCs w:val="24"/>
              </w:rPr>
              <w:t xml:space="preserve">     __</w:t>
            </w:r>
            <w:r w:rsidR="006821A7" w:rsidRPr="006821A7">
              <w:rPr>
                <w:b/>
                <w:sz w:val="24"/>
                <w:szCs w:val="24"/>
              </w:rPr>
              <w:t>___no</w:t>
            </w:r>
            <w:r w:rsidR="006C0C1C">
              <w:rPr>
                <w:b/>
                <w:sz w:val="24"/>
                <w:szCs w:val="24"/>
              </w:rPr>
              <w:t xml:space="preserve">  </w:t>
            </w:r>
          </w:p>
          <w:p w:rsidR="006821A7" w:rsidRPr="006821A7" w:rsidRDefault="006821A7" w:rsidP="006821A7">
            <w:pPr>
              <w:rPr>
                <w:b/>
                <w:sz w:val="24"/>
                <w:szCs w:val="24"/>
              </w:rPr>
            </w:pP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>RETURN TO:</w:t>
            </w:r>
            <w:r w:rsidRPr="006821A7">
              <w:rPr>
                <w:sz w:val="24"/>
                <w:szCs w:val="24"/>
              </w:rPr>
              <w:tab/>
              <w:t xml:space="preserve">    CRAIG BROWN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 xml:space="preserve">                            </w:t>
            </w:r>
            <w:smartTag w:uri="urn:schemas-microsoft-com:office:smarttags" w:element="Street">
              <w:smartTag w:uri="urn:schemas-microsoft-com:office:smarttags" w:element="PlaceType">
                <w:r w:rsidRPr="006821A7">
                  <w:rPr>
                    <w:sz w:val="24"/>
                    <w:szCs w:val="24"/>
                  </w:rPr>
                  <w:t>9 KINGSBURY LANE</w:t>
                </w:r>
              </w:smartTag>
            </w:smartTag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 xml:space="preserve">                            </w:t>
            </w:r>
            <w:smartTag w:uri="urn:schemas-microsoft-com:office:smarttags" w:element="place">
              <w:smartTag w:uri="urn:schemas-microsoft-com:office:smarttags" w:element="City">
                <w:r w:rsidRPr="006821A7">
                  <w:rPr>
                    <w:sz w:val="24"/>
                    <w:szCs w:val="24"/>
                  </w:rPr>
                  <w:t>LONGMEADOW</w:t>
                </w:r>
              </w:smartTag>
              <w:r w:rsidRPr="006821A7">
                <w:rPr>
                  <w:sz w:val="24"/>
                  <w:szCs w:val="24"/>
                </w:rPr>
                <w:t xml:space="preserve">, </w:t>
              </w:r>
              <w:smartTag w:uri="urn:schemas-microsoft-com:office:smarttags" w:element="State">
                <w:r w:rsidRPr="006821A7">
                  <w:rPr>
                    <w:sz w:val="24"/>
                    <w:szCs w:val="24"/>
                  </w:rPr>
                  <w:t>MA</w:t>
                </w:r>
              </w:smartTag>
              <w:r w:rsidRPr="006821A7">
                <w:rPr>
                  <w:sz w:val="24"/>
                  <w:szCs w:val="24"/>
                </w:rPr>
                <w:t xml:space="preserve"> </w:t>
              </w:r>
              <w:smartTag w:uri="urn:schemas-microsoft-com:office:smarttags" w:element="PostalCode">
                <w:r w:rsidRPr="006821A7">
                  <w:rPr>
                    <w:sz w:val="24"/>
                    <w:szCs w:val="24"/>
                  </w:rPr>
                  <w:t>01106</w:t>
                </w:r>
              </w:smartTag>
            </w:smartTag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 xml:space="preserve">                            (413) 567-2386 (home)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 xml:space="preserve">                            (413) </w:t>
            </w:r>
            <w:r w:rsidR="00431B3B">
              <w:rPr>
                <w:sz w:val="24"/>
                <w:szCs w:val="24"/>
              </w:rPr>
              <w:t>2</w:t>
            </w:r>
            <w:r w:rsidRPr="006821A7">
              <w:rPr>
                <w:sz w:val="24"/>
                <w:szCs w:val="24"/>
              </w:rPr>
              <w:t>33-</w:t>
            </w:r>
            <w:r w:rsidR="00431B3B">
              <w:rPr>
                <w:sz w:val="24"/>
                <w:szCs w:val="24"/>
              </w:rPr>
              <w:t>9508</w:t>
            </w:r>
            <w:r w:rsidRPr="006821A7">
              <w:rPr>
                <w:sz w:val="24"/>
                <w:szCs w:val="24"/>
              </w:rPr>
              <w:t xml:space="preserve"> (work</w:t>
            </w:r>
            <w:r w:rsidR="00431B3B">
              <w:rPr>
                <w:sz w:val="24"/>
                <w:szCs w:val="24"/>
              </w:rPr>
              <w:t xml:space="preserve"> direct</w:t>
            </w:r>
            <w:r w:rsidRPr="006821A7">
              <w:rPr>
                <w:sz w:val="24"/>
                <w:szCs w:val="24"/>
              </w:rPr>
              <w:t>)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 xml:space="preserve">                            </w:t>
            </w:r>
            <w:proofErr w:type="spellStart"/>
            <w:r w:rsidRPr="006821A7">
              <w:rPr>
                <w:sz w:val="24"/>
                <w:szCs w:val="24"/>
              </w:rPr>
              <w:t>Telecopier</w:t>
            </w:r>
            <w:proofErr w:type="spellEnd"/>
            <w:r w:rsidRPr="006821A7">
              <w:rPr>
                <w:sz w:val="24"/>
                <w:szCs w:val="24"/>
              </w:rPr>
              <w:t>: (413) 734-3910</w:t>
            </w:r>
          </w:p>
          <w:p w:rsidR="006821A7" w:rsidRPr="006821A7" w:rsidRDefault="006821A7" w:rsidP="006821A7">
            <w:pPr>
              <w:rPr>
                <w:sz w:val="24"/>
                <w:szCs w:val="24"/>
              </w:rPr>
            </w:pPr>
            <w:r w:rsidRPr="006821A7">
              <w:rPr>
                <w:sz w:val="24"/>
                <w:szCs w:val="24"/>
              </w:rPr>
              <w:tab/>
            </w:r>
            <w:r w:rsidRPr="006821A7">
              <w:rPr>
                <w:sz w:val="24"/>
                <w:szCs w:val="24"/>
              </w:rPr>
              <w:tab/>
              <w:t xml:space="preserve">    Email: brown@dwpm.com</w:t>
            </w:r>
          </w:p>
          <w:p w:rsidR="006821A7" w:rsidRPr="006821A7" w:rsidRDefault="006821A7">
            <w:pPr>
              <w:rPr>
                <w:sz w:val="24"/>
                <w:szCs w:val="24"/>
              </w:rPr>
            </w:pPr>
          </w:p>
        </w:tc>
        <w:tc>
          <w:tcPr>
            <w:tcW w:w="4148" w:type="dxa"/>
            <w:gridSpan w:val="7"/>
            <w:tcBorders>
              <w:top w:val="nil"/>
            </w:tcBorders>
            <w:shd w:val="clear" w:color="auto" w:fill="E6E6E6"/>
          </w:tcPr>
          <w:p w:rsidR="006821A7" w:rsidRPr="00953ADC" w:rsidRDefault="006821A7" w:rsidP="00643276">
            <w:pPr>
              <w:spacing w:before="120" w:after="120"/>
              <w:jc w:val="center"/>
              <w:rPr>
                <w:b/>
                <w:sz w:val="24"/>
                <w:szCs w:val="24"/>
              </w:rPr>
            </w:pPr>
            <w:r w:rsidRPr="00953ADC">
              <w:rPr>
                <w:b/>
                <w:sz w:val="24"/>
                <w:szCs w:val="24"/>
              </w:rPr>
              <w:t xml:space="preserve">March </w:t>
            </w:r>
            <w:r w:rsidR="002B79F5">
              <w:rPr>
                <w:b/>
                <w:sz w:val="24"/>
                <w:szCs w:val="24"/>
              </w:rPr>
              <w:t>201</w:t>
            </w:r>
            <w:r w:rsidR="00643276">
              <w:rPr>
                <w:b/>
                <w:sz w:val="24"/>
                <w:szCs w:val="24"/>
              </w:rPr>
              <w:t>3</w:t>
            </w:r>
          </w:p>
        </w:tc>
      </w:tr>
      <w:tr w:rsidR="006821A7">
        <w:trPr>
          <w:jc w:val="right"/>
        </w:trPr>
        <w:tc>
          <w:tcPr>
            <w:tcW w:w="6832" w:type="dxa"/>
            <w:vMerge/>
          </w:tcPr>
          <w:p w:rsidR="006821A7" w:rsidRPr="006821A7" w:rsidRDefault="006821A7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6821A7" w:rsidRDefault="006821A7">
            <w:r>
              <w:t>Sun</w:t>
            </w:r>
          </w:p>
        </w:tc>
        <w:tc>
          <w:tcPr>
            <w:tcW w:w="594" w:type="dxa"/>
            <w:shd w:val="clear" w:color="auto" w:fill="auto"/>
          </w:tcPr>
          <w:p w:rsidR="006821A7" w:rsidRDefault="006821A7">
            <w:r>
              <w:t>Mon</w:t>
            </w:r>
          </w:p>
        </w:tc>
        <w:tc>
          <w:tcPr>
            <w:tcW w:w="605" w:type="dxa"/>
            <w:shd w:val="clear" w:color="auto" w:fill="auto"/>
          </w:tcPr>
          <w:p w:rsidR="006821A7" w:rsidRDefault="006821A7">
            <w:r>
              <w:t>Tues</w:t>
            </w:r>
          </w:p>
        </w:tc>
        <w:tc>
          <w:tcPr>
            <w:tcW w:w="594" w:type="dxa"/>
            <w:shd w:val="clear" w:color="auto" w:fill="auto"/>
          </w:tcPr>
          <w:p w:rsidR="006821A7" w:rsidRDefault="006821A7">
            <w:r>
              <w:t>Wed</w:t>
            </w:r>
          </w:p>
        </w:tc>
        <w:tc>
          <w:tcPr>
            <w:tcW w:w="683" w:type="dxa"/>
            <w:shd w:val="clear" w:color="auto" w:fill="auto"/>
          </w:tcPr>
          <w:p w:rsidR="006821A7" w:rsidRDefault="006821A7">
            <w:r>
              <w:t>Thurs</w:t>
            </w:r>
          </w:p>
        </w:tc>
        <w:tc>
          <w:tcPr>
            <w:tcW w:w="556" w:type="dxa"/>
            <w:shd w:val="clear" w:color="auto" w:fill="auto"/>
          </w:tcPr>
          <w:p w:rsidR="006821A7" w:rsidRDefault="006821A7">
            <w:r>
              <w:t>Fri</w:t>
            </w:r>
          </w:p>
        </w:tc>
        <w:tc>
          <w:tcPr>
            <w:tcW w:w="557" w:type="dxa"/>
            <w:shd w:val="clear" w:color="auto" w:fill="auto"/>
          </w:tcPr>
          <w:p w:rsidR="006821A7" w:rsidRDefault="006821A7">
            <w:r>
              <w:t>Sat</w:t>
            </w:r>
          </w:p>
        </w:tc>
      </w:tr>
      <w:tr w:rsidR="006821A7">
        <w:trPr>
          <w:jc w:val="right"/>
        </w:trPr>
        <w:tc>
          <w:tcPr>
            <w:tcW w:w="6832" w:type="dxa"/>
            <w:vMerge/>
          </w:tcPr>
          <w:p w:rsidR="006821A7" w:rsidRPr="006821A7" w:rsidRDefault="006821A7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6821A7" w:rsidRDefault="006821A7" w:rsidP="00CF6084">
            <w:pPr>
              <w:spacing w:before="120" w:after="120"/>
            </w:pPr>
          </w:p>
        </w:tc>
        <w:tc>
          <w:tcPr>
            <w:tcW w:w="594" w:type="dxa"/>
            <w:shd w:val="clear" w:color="auto" w:fill="auto"/>
          </w:tcPr>
          <w:p w:rsidR="006821A7" w:rsidRDefault="006821A7" w:rsidP="00CF6084">
            <w:pPr>
              <w:spacing w:before="120" w:after="120"/>
            </w:pPr>
          </w:p>
        </w:tc>
        <w:tc>
          <w:tcPr>
            <w:tcW w:w="605" w:type="dxa"/>
            <w:shd w:val="clear" w:color="auto" w:fill="auto"/>
          </w:tcPr>
          <w:p w:rsidR="006821A7" w:rsidRDefault="006821A7" w:rsidP="00CF6084">
            <w:pPr>
              <w:spacing w:before="120" w:after="120"/>
            </w:pPr>
          </w:p>
        </w:tc>
        <w:tc>
          <w:tcPr>
            <w:tcW w:w="594" w:type="dxa"/>
            <w:shd w:val="clear" w:color="auto" w:fill="auto"/>
          </w:tcPr>
          <w:p w:rsidR="006821A7" w:rsidRDefault="006821A7" w:rsidP="00CF6084">
            <w:pPr>
              <w:spacing w:before="120" w:after="120"/>
            </w:pPr>
          </w:p>
        </w:tc>
        <w:tc>
          <w:tcPr>
            <w:tcW w:w="683" w:type="dxa"/>
            <w:shd w:val="clear" w:color="auto" w:fill="auto"/>
          </w:tcPr>
          <w:p w:rsidR="006821A7" w:rsidRDefault="006821A7" w:rsidP="00CF6084">
            <w:pPr>
              <w:spacing w:before="120" w:after="120"/>
            </w:pPr>
          </w:p>
        </w:tc>
        <w:tc>
          <w:tcPr>
            <w:tcW w:w="556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1</w:t>
            </w:r>
          </w:p>
        </w:tc>
        <w:tc>
          <w:tcPr>
            <w:tcW w:w="557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2</w:t>
            </w:r>
          </w:p>
        </w:tc>
      </w:tr>
      <w:tr w:rsidR="006821A7">
        <w:trPr>
          <w:jc w:val="right"/>
        </w:trPr>
        <w:tc>
          <w:tcPr>
            <w:tcW w:w="6832" w:type="dxa"/>
            <w:vMerge/>
          </w:tcPr>
          <w:p w:rsidR="006821A7" w:rsidRPr="006821A7" w:rsidRDefault="006821A7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3</w:t>
            </w:r>
          </w:p>
        </w:tc>
        <w:tc>
          <w:tcPr>
            <w:tcW w:w="594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4</w:t>
            </w:r>
          </w:p>
        </w:tc>
        <w:tc>
          <w:tcPr>
            <w:tcW w:w="605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5</w:t>
            </w:r>
          </w:p>
        </w:tc>
        <w:tc>
          <w:tcPr>
            <w:tcW w:w="594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6</w:t>
            </w:r>
          </w:p>
        </w:tc>
        <w:tc>
          <w:tcPr>
            <w:tcW w:w="683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7</w:t>
            </w:r>
          </w:p>
        </w:tc>
        <w:tc>
          <w:tcPr>
            <w:tcW w:w="556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8</w:t>
            </w:r>
          </w:p>
        </w:tc>
        <w:tc>
          <w:tcPr>
            <w:tcW w:w="557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9</w:t>
            </w:r>
          </w:p>
        </w:tc>
      </w:tr>
      <w:tr w:rsidR="006821A7">
        <w:trPr>
          <w:jc w:val="right"/>
        </w:trPr>
        <w:tc>
          <w:tcPr>
            <w:tcW w:w="6832" w:type="dxa"/>
            <w:vMerge/>
          </w:tcPr>
          <w:p w:rsidR="006821A7" w:rsidRPr="006821A7" w:rsidRDefault="006821A7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10</w:t>
            </w:r>
          </w:p>
        </w:tc>
        <w:tc>
          <w:tcPr>
            <w:tcW w:w="594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11</w:t>
            </w:r>
          </w:p>
        </w:tc>
        <w:tc>
          <w:tcPr>
            <w:tcW w:w="605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12</w:t>
            </w:r>
          </w:p>
        </w:tc>
        <w:tc>
          <w:tcPr>
            <w:tcW w:w="594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13</w:t>
            </w:r>
          </w:p>
        </w:tc>
        <w:tc>
          <w:tcPr>
            <w:tcW w:w="683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14</w:t>
            </w:r>
          </w:p>
        </w:tc>
        <w:tc>
          <w:tcPr>
            <w:tcW w:w="556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15</w:t>
            </w:r>
          </w:p>
        </w:tc>
        <w:tc>
          <w:tcPr>
            <w:tcW w:w="557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16</w:t>
            </w:r>
          </w:p>
        </w:tc>
      </w:tr>
      <w:tr w:rsidR="006821A7">
        <w:trPr>
          <w:jc w:val="right"/>
        </w:trPr>
        <w:tc>
          <w:tcPr>
            <w:tcW w:w="6832" w:type="dxa"/>
            <w:vMerge/>
          </w:tcPr>
          <w:p w:rsidR="006821A7" w:rsidRPr="006821A7" w:rsidRDefault="006821A7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17</w:t>
            </w:r>
          </w:p>
        </w:tc>
        <w:tc>
          <w:tcPr>
            <w:tcW w:w="594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18</w:t>
            </w:r>
          </w:p>
        </w:tc>
        <w:tc>
          <w:tcPr>
            <w:tcW w:w="605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19</w:t>
            </w:r>
          </w:p>
        </w:tc>
        <w:tc>
          <w:tcPr>
            <w:tcW w:w="594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20</w:t>
            </w:r>
          </w:p>
        </w:tc>
        <w:tc>
          <w:tcPr>
            <w:tcW w:w="683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21</w:t>
            </w:r>
          </w:p>
        </w:tc>
        <w:tc>
          <w:tcPr>
            <w:tcW w:w="556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22</w:t>
            </w:r>
          </w:p>
        </w:tc>
        <w:tc>
          <w:tcPr>
            <w:tcW w:w="557" w:type="dxa"/>
            <w:shd w:val="clear" w:color="auto" w:fill="auto"/>
          </w:tcPr>
          <w:p w:rsidR="006821A7" w:rsidRDefault="00643276" w:rsidP="002B79F5">
            <w:pPr>
              <w:spacing w:before="120" w:after="120"/>
            </w:pPr>
            <w:r>
              <w:t>23</w:t>
            </w:r>
          </w:p>
        </w:tc>
      </w:tr>
      <w:tr w:rsidR="006821A7">
        <w:trPr>
          <w:jc w:val="right"/>
        </w:trPr>
        <w:tc>
          <w:tcPr>
            <w:tcW w:w="6832" w:type="dxa"/>
            <w:vMerge/>
          </w:tcPr>
          <w:p w:rsidR="006821A7" w:rsidRPr="006821A7" w:rsidRDefault="006821A7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24</w:t>
            </w:r>
          </w:p>
        </w:tc>
        <w:tc>
          <w:tcPr>
            <w:tcW w:w="594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25</w:t>
            </w:r>
          </w:p>
        </w:tc>
        <w:tc>
          <w:tcPr>
            <w:tcW w:w="605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26</w:t>
            </w:r>
          </w:p>
        </w:tc>
        <w:tc>
          <w:tcPr>
            <w:tcW w:w="594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27</w:t>
            </w:r>
          </w:p>
        </w:tc>
        <w:tc>
          <w:tcPr>
            <w:tcW w:w="683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28</w:t>
            </w:r>
          </w:p>
        </w:tc>
        <w:tc>
          <w:tcPr>
            <w:tcW w:w="556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29</w:t>
            </w:r>
          </w:p>
        </w:tc>
        <w:tc>
          <w:tcPr>
            <w:tcW w:w="557" w:type="dxa"/>
            <w:shd w:val="clear" w:color="auto" w:fill="auto"/>
          </w:tcPr>
          <w:p w:rsidR="006821A7" w:rsidRDefault="00643276" w:rsidP="00CF6084">
            <w:pPr>
              <w:spacing w:before="120" w:after="120"/>
            </w:pPr>
            <w:r>
              <w:t>30</w:t>
            </w:r>
          </w:p>
        </w:tc>
      </w:tr>
      <w:tr w:rsidR="00643276">
        <w:trPr>
          <w:jc w:val="right"/>
        </w:trPr>
        <w:tc>
          <w:tcPr>
            <w:tcW w:w="6832" w:type="dxa"/>
            <w:vMerge/>
          </w:tcPr>
          <w:p w:rsidR="00643276" w:rsidRPr="006821A7" w:rsidRDefault="00643276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643276" w:rsidRDefault="00643276" w:rsidP="00CF6084">
            <w:pPr>
              <w:spacing w:before="120" w:after="120"/>
            </w:pPr>
            <w:r>
              <w:t>31</w:t>
            </w:r>
          </w:p>
        </w:tc>
        <w:tc>
          <w:tcPr>
            <w:tcW w:w="594" w:type="dxa"/>
            <w:shd w:val="clear" w:color="auto" w:fill="auto"/>
          </w:tcPr>
          <w:p w:rsidR="00643276" w:rsidRDefault="00643276" w:rsidP="00CF6084">
            <w:pPr>
              <w:spacing w:before="120" w:after="120"/>
            </w:pPr>
          </w:p>
        </w:tc>
        <w:tc>
          <w:tcPr>
            <w:tcW w:w="605" w:type="dxa"/>
            <w:shd w:val="clear" w:color="auto" w:fill="auto"/>
          </w:tcPr>
          <w:p w:rsidR="00643276" w:rsidRDefault="00643276" w:rsidP="00CF6084">
            <w:pPr>
              <w:spacing w:before="120" w:after="120"/>
            </w:pPr>
          </w:p>
        </w:tc>
        <w:tc>
          <w:tcPr>
            <w:tcW w:w="594" w:type="dxa"/>
            <w:shd w:val="clear" w:color="auto" w:fill="auto"/>
          </w:tcPr>
          <w:p w:rsidR="00643276" w:rsidRDefault="00643276" w:rsidP="00CF6084">
            <w:pPr>
              <w:spacing w:before="120" w:after="120"/>
            </w:pPr>
          </w:p>
        </w:tc>
        <w:tc>
          <w:tcPr>
            <w:tcW w:w="683" w:type="dxa"/>
            <w:shd w:val="clear" w:color="auto" w:fill="auto"/>
          </w:tcPr>
          <w:p w:rsidR="00643276" w:rsidRDefault="00643276" w:rsidP="00CF6084">
            <w:pPr>
              <w:spacing w:before="120" w:after="120"/>
            </w:pPr>
          </w:p>
        </w:tc>
        <w:tc>
          <w:tcPr>
            <w:tcW w:w="556" w:type="dxa"/>
            <w:shd w:val="clear" w:color="auto" w:fill="auto"/>
          </w:tcPr>
          <w:p w:rsidR="00643276" w:rsidRDefault="00643276" w:rsidP="00CF6084">
            <w:pPr>
              <w:spacing w:before="120" w:after="120"/>
            </w:pPr>
          </w:p>
        </w:tc>
        <w:tc>
          <w:tcPr>
            <w:tcW w:w="557" w:type="dxa"/>
            <w:shd w:val="clear" w:color="auto" w:fill="auto"/>
          </w:tcPr>
          <w:p w:rsidR="00643276" w:rsidRDefault="00643276" w:rsidP="00CF6084">
            <w:pPr>
              <w:spacing w:before="120" w:after="120"/>
            </w:pPr>
          </w:p>
        </w:tc>
      </w:tr>
      <w:tr w:rsidR="006821A7">
        <w:trPr>
          <w:jc w:val="right"/>
        </w:trPr>
        <w:tc>
          <w:tcPr>
            <w:tcW w:w="6832" w:type="dxa"/>
            <w:vMerge/>
          </w:tcPr>
          <w:p w:rsidR="006821A7" w:rsidRPr="006821A7" w:rsidRDefault="006821A7">
            <w:pPr>
              <w:rPr>
                <w:sz w:val="24"/>
                <w:szCs w:val="24"/>
              </w:rPr>
            </w:pPr>
          </w:p>
        </w:tc>
        <w:tc>
          <w:tcPr>
            <w:tcW w:w="4148" w:type="dxa"/>
            <w:gridSpan w:val="7"/>
            <w:shd w:val="clear" w:color="auto" w:fill="E6E6E6"/>
          </w:tcPr>
          <w:p w:rsidR="006821A7" w:rsidRPr="00953ADC" w:rsidRDefault="006821A7" w:rsidP="00CF6084">
            <w:pPr>
              <w:spacing w:before="120" w:after="120"/>
              <w:jc w:val="center"/>
              <w:rPr>
                <w:b/>
                <w:sz w:val="24"/>
                <w:szCs w:val="24"/>
              </w:rPr>
            </w:pPr>
            <w:r w:rsidRPr="00953ADC">
              <w:rPr>
                <w:b/>
                <w:sz w:val="24"/>
                <w:szCs w:val="24"/>
              </w:rPr>
              <w:t xml:space="preserve">April </w:t>
            </w:r>
            <w:r w:rsidR="002B79F5">
              <w:rPr>
                <w:b/>
                <w:sz w:val="24"/>
                <w:szCs w:val="24"/>
              </w:rPr>
              <w:t>201</w:t>
            </w:r>
            <w:r w:rsidR="00643276">
              <w:rPr>
                <w:b/>
                <w:sz w:val="24"/>
                <w:szCs w:val="24"/>
              </w:rPr>
              <w:t>3</w:t>
            </w:r>
          </w:p>
        </w:tc>
      </w:tr>
      <w:tr w:rsidR="006821A7">
        <w:trPr>
          <w:jc w:val="right"/>
        </w:trPr>
        <w:tc>
          <w:tcPr>
            <w:tcW w:w="6832" w:type="dxa"/>
            <w:vMerge/>
          </w:tcPr>
          <w:p w:rsidR="006821A7" w:rsidRPr="006821A7" w:rsidRDefault="006821A7" w:rsidP="00CF6084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6821A7" w:rsidRDefault="006821A7" w:rsidP="00CF6084">
            <w:r>
              <w:t>Sun</w:t>
            </w:r>
          </w:p>
        </w:tc>
        <w:tc>
          <w:tcPr>
            <w:tcW w:w="594" w:type="dxa"/>
            <w:shd w:val="clear" w:color="auto" w:fill="auto"/>
          </w:tcPr>
          <w:p w:rsidR="006821A7" w:rsidRDefault="006821A7" w:rsidP="00CF6084">
            <w:r>
              <w:t>Mon</w:t>
            </w:r>
          </w:p>
        </w:tc>
        <w:tc>
          <w:tcPr>
            <w:tcW w:w="605" w:type="dxa"/>
            <w:shd w:val="clear" w:color="auto" w:fill="auto"/>
          </w:tcPr>
          <w:p w:rsidR="006821A7" w:rsidRDefault="006821A7" w:rsidP="00CF6084">
            <w:r>
              <w:t>Tues</w:t>
            </w:r>
          </w:p>
        </w:tc>
        <w:tc>
          <w:tcPr>
            <w:tcW w:w="594" w:type="dxa"/>
            <w:shd w:val="clear" w:color="auto" w:fill="auto"/>
          </w:tcPr>
          <w:p w:rsidR="006821A7" w:rsidRDefault="006821A7" w:rsidP="00CF6084">
            <w:r>
              <w:t>Wed</w:t>
            </w:r>
          </w:p>
        </w:tc>
        <w:tc>
          <w:tcPr>
            <w:tcW w:w="683" w:type="dxa"/>
            <w:shd w:val="clear" w:color="auto" w:fill="auto"/>
          </w:tcPr>
          <w:p w:rsidR="006821A7" w:rsidRDefault="006821A7" w:rsidP="00CF6084">
            <w:r>
              <w:t>Thurs</w:t>
            </w:r>
          </w:p>
        </w:tc>
        <w:tc>
          <w:tcPr>
            <w:tcW w:w="556" w:type="dxa"/>
            <w:shd w:val="clear" w:color="auto" w:fill="auto"/>
          </w:tcPr>
          <w:p w:rsidR="006821A7" w:rsidRDefault="006821A7" w:rsidP="00CF6084">
            <w:r>
              <w:t>Fri</w:t>
            </w:r>
          </w:p>
        </w:tc>
        <w:tc>
          <w:tcPr>
            <w:tcW w:w="557" w:type="dxa"/>
            <w:shd w:val="clear" w:color="auto" w:fill="auto"/>
          </w:tcPr>
          <w:p w:rsidR="006821A7" w:rsidRDefault="006821A7" w:rsidP="00CF6084">
            <w:r>
              <w:t>Sat</w:t>
            </w:r>
          </w:p>
        </w:tc>
      </w:tr>
      <w:tr w:rsidR="00F87756">
        <w:trPr>
          <w:jc w:val="right"/>
        </w:trPr>
        <w:tc>
          <w:tcPr>
            <w:tcW w:w="6832" w:type="dxa"/>
            <w:vMerge/>
          </w:tcPr>
          <w:p w:rsidR="00F87756" w:rsidRPr="006821A7" w:rsidRDefault="00F87756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F87756" w:rsidRDefault="00F87756" w:rsidP="00CF6084">
            <w:pPr>
              <w:spacing w:before="120" w:after="120"/>
            </w:pPr>
          </w:p>
        </w:tc>
        <w:tc>
          <w:tcPr>
            <w:tcW w:w="594" w:type="dxa"/>
            <w:shd w:val="clear" w:color="auto" w:fill="auto"/>
          </w:tcPr>
          <w:p w:rsidR="00F87756" w:rsidRDefault="00643276" w:rsidP="00CF6084">
            <w:pPr>
              <w:spacing w:before="120" w:after="120"/>
            </w:pPr>
            <w:r>
              <w:t>1</w:t>
            </w:r>
          </w:p>
        </w:tc>
        <w:tc>
          <w:tcPr>
            <w:tcW w:w="605" w:type="dxa"/>
            <w:shd w:val="clear" w:color="auto" w:fill="auto"/>
          </w:tcPr>
          <w:p w:rsidR="00F87756" w:rsidRDefault="00643276" w:rsidP="00CF6084">
            <w:pPr>
              <w:spacing w:before="120" w:after="120"/>
            </w:pPr>
            <w:r>
              <w:t>2</w:t>
            </w:r>
          </w:p>
        </w:tc>
        <w:tc>
          <w:tcPr>
            <w:tcW w:w="594" w:type="dxa"/>
            <w:shd w:val="clear" w:color="auto" w:fill="auto"/>
          </w:tcPr>
          <w:p w:rsidR="00F87756" w:rsidRDefault="00643276" w:rsidP="00F87756">
            <w:pPr>
              <w:spacing w:before="120" w:after="120"/>
            </w:pPr>
            <w:r>
              <w:t>3</w:t>
            </w:r>
          </w:p>
        </w:tc>
        <w:tc>
          <w:tcPr>
            <w:tcW w:w="683" w:type="dxa"/>
            <w:shd w:val="clear" w:color="auto" w:fill="auto"/>
          </w:tcPr>
          <w:p w:rsidR="00F87756" w:rsidRDefault="00643276" w:rsidP="00F87756">
            <w:pPr>
              <w:spacing w:before="120" w:after="120"/>
            </w:pPr>
            <w:r>
              <w:t>4</w:t>
            </w:r>
          </w:p>
        </w:tc>
        <w:tc>
          <w:tcPr>
            <w:tcW w:w="556" w:type="dxa"/>
            <w:shd w:val="clear" w:color="auto" w:fill="auto"/>
          </w:tcPr>
          <w:p w:rsidR="00F87756" w:rsidRDefault="00643276" w:rsidP="00F87756">
            <w:pPr>
              <w:spacing w:before="120" w:after="120"/>
            </w:pPr>
            <w:r>
              <w:t>5</w:t>
            </w:r>
          </w:p>
        </w:tc>
        <w:tc>
          <w:tcPr>
            <w:tcW w:w="557" w:type="dxa"/>
            <w:shd w:val="clear" w:color="auto" w:fill="auto"/>
          </w:tcPr>
          <w:p w:rsidR="00F87756" w:rsidRDefault="00643276" w:rsidP="00F87756">
            <w:pPr>
              <w:spacing w:before="120" w:after="120"/>
            </w:pPr>
            <w:r>
              <w:t>6</w:t>
            </w:r>
          </w:p>
        </w:tc>
      </w:tr>
      <w:tr w:rsidR="00F87756">
        <w:trPr>
          <w:jc w:val="right"/>
        </w:trPr>
        <w:tc>
          <w:tcPr>
            <w:tcW w:w="6832" w:type="dxa"/>
            <w:vMerge/>
          </w:tcPr>
          <w:p w:rsidR="00F87756" w:rsidRPr="006821A7" w:rsidRDefault="00F87756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F87756" w:rsidRDefault="00643276" w:rsidP="00CF6084">
            <w:pPr>
              <w:spacing w:before="120" w:after="120"/>
            </w:pPr>
            <w:r>
              <w:t>7</w:t>
            </w:r>
          </w:p>
        </w:tc>
        <w:tc>
          <w:tcPr>
            <w:tcW w:w="594" w:type="dxa"/>
            <w:shd w:val="clear" w:color="auto" w:fill="auto"/>
          </w:tcPr>
          <w:p w:rsidR="00F87756" w:rsidRDefault="00643276" w:rsidP="00F87756">
            <w:pPr>
              <w:spacing w:before="120" w:after="120"/>
            </w:pPr>
            <w:r>
              <w:t>8</w:t>
            </w:r>
          </w:p>
        </w:tc>
        <w:tc>
          <w:tcPr>
            <w:tcW w:w="605" w:type="dxa"/>
            <w:shd w:val="clear" w:color="auto" w:fill="auto"/>
          </w:tcPr>
          <w:p w:rsidR="00F87756" w:rsidRDefault="00643276" w:rsidP="00F87756">
            <w:pPr>
              <w:spacing w:before="120" w:after="120"/>
            </w:pPr>
            <w:r>
              <w:t>9</w:t>
            </w:r>
          </w:p>
        </w:tc>
        <w:tc>
          <w:tcPr>
            <w:tcW w:w="594" w:type="dxa"/>
            <w:shd w:val="clear" w:color="auto" w:fill="auto"/>
          </w:tcPr>
          <w:p w:rsidR="00F87756" w:rsidRDefault="00643276" w:rsidP="00F87756">
            <w:pPr>
              <w:spacing w:before="120" w:after="120"/>
            </w:pPr>
            <w:r>
              <w:t>10</w:t>
            </w:r>
          </w:p>
        </w:tc>
        <w:tc>
          <w:tcPr>
            <w:tcW w:w="683" w:type="dxa"/>
            <w:shd w:val="clear" w:color="auto" w:fill="auto"/>
          </w:tcPr>
          <w:p w:rsidR="00F87756" w:rsidRDefault="00643276" w:rsidP="00F87756">
            <w:pPr>
              <w:spacing w:before="120" w:after="120"/>
            </w:pPr>
            <w:r>
              <w:t>11</w:t>
            </w:r>
          </w:p>
        </w:tc>
        <w:tc>
          <w:tcPr>
            <w:tcW w:w="556" w:type="dxa"/>
            <w:shd w:val="clear" w:color="auto" w:fill="auto"/>
          </w:tcPr>
          <w:p w:rsidR="00F87756" w:rsidRDefault="00643276" w:rsidP="00F87756">
            <w:pPr>
              <w:spacing w:before="120" w:after="120"/>
            </w:pPr>
            <w:r>
              <w:t>12</w:t>
            </w:r>
          </w:p>
        </w:tc>
        <w:tc>
          <w:tcPr>
            <w:tcW w:w="557" w:type="dxa"/>
            <w:shd w:val="clear" w:color="auto" w:fill="auto"/>
          </w:tcPr>
          <w:p w:rsidR="00F87756" w:rsidRDefault="00643276" w:rsidP="00F87756">
            <w:pPr>
              <w:spacing w:before="120" w:after="120"/>
            </w:pPr>
            <w:r>
              <w:t>13</w:t>
            </w:r>
          </w:p>
        </w:tc>
      </w:tr>
      <w:tr w:rsidR="00F87756">
        <w:trPr>
          <w:jc w:val="right"/>
        </w:trPr>
        <w:tc>
          <w:tcPr>
            <w:tcW w:w="6832" w:type="dxa"/>
            <w:vMerge/>
          </w:tcPr>
          <w:p w:rsidR="00F87756" w:rsidRPr="006821A7" w:rsidRDefault="00F87756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F87756" w:rsidRDefault="00643276" w:rsidP="00CF6084">
            <w:pPr>
              <w:spacing w:before="120" w:after="120"/>
            </w:pPr>
            <w:r>
              <w:t>14</w:t>
            </w:r>
          </w:p>
        </w:tc>
        <w:tc>
          <w:tcPr>
            <w:tcW w:w="594" w:type="dxa"/>
            <w:shd w:val="clear" w:color="auto" w:fill="auto"/>
          </w:tcPr>
          <w:p w:rsidR="00F87756" w:rsidRDefault="00643276" w:rsidP="00F87756">
            <w:pPr>
              <w:spacing w:before="120" w:after="120"/>
            </w:pPr>
            <w:r>
              <w:t>15</w:t>
            </w:r>
          </w:p>
        </w:tc>
        <w:tc>
          <w:tcPr>
            <w:tcW w:w="605" w:type="dxa"/>
            <w:shd w:val="clear" w:color="auto" w:fill="auto"/>
          </w:tcPr>
          <w:p w:rsidR="00F87756" w:rsidRDefault="00643276" w:rsidP="00F87756">
            <w:pPr>
              <w:spacing w:before="120" w:after="120"/>
            </w:pPr>
            <w:r>
              <w:t>16</w:t>
            </w:r>
          </w:p>
        </w:tc>
        <w:tc>
          <w:tcPr>
            <w:tcW w:w="594" w:type="dxa"/>
            <w:shd w:val="clear" w:color="auto" w:fill="auto"/>
          </w:tcPr>
          <w:p w:rsidR="00F87756" w:rsidRDefault="00643276" w:rsidP="00F87756">
            <w:pPr>
              <w:spacing w:before="120" w:after="120"/>
            </w:pPr>
            <w:r>
              <w:t>17</w:t>
            </w:r>
          </w:p>
        </w:tc>
        <w:tc>
          <w:tcPr>
            <w:tcW w:w="683" w:type="dxa"/>
            <w:shd w:val="clear" w:color="auto" w:fill="auto"/>
          </w:tcPr>
          <w:p w:rsidR="00F87756" w:rsidRDefault="00643276" w:rsidP="00F87756">
            <w:pPr>
              <w:spacing w:before="120" w:after="120"/>
            </w:pPr>
            <w:r>
              <w:t>18</w:t>
            </w:r>
          </w:p>
        </w:tc>
        <w:tc>
          <w:tcPr>
            <w:tcW w:w="556" w:type="dxa"/>
            <w:shd w:val="clear" w:color="auto" w:fill="auto"/>
          </w:tcPr>
          <w:p w:rsidR="00F87756" w:rsidRDefault="00643276" w:rsidP="00F87756">
            <w:pPr>
              <w:spacing w:before="120" w:after="120"/>
            </w:pPr>
            <w:r>
              <w:t>19</w:t>
            </w:r>
          </w:p>
        </w:tc>
        <w:tc>
          <w:tcPr>
            <w:tcW w:w="557" w:type="dxa"/>
            <w:shd w:val="clear" w:color="auto" w:fill="auto"/>
          </w:tcPr>
          <w:p w:rsidR="00F87756" w:rsidRDefault="00643276" w:rsidP="00F87756">
            <w:pPr>
              <w:spacing w:before="120" w:after="120"/>
            </w:pPr>
            <w:r>
              <w:t>20</w:t>
            </w:r>
          </w:p>
        </w:tc>
      </w:tr>
      <w:tr w:rsidR="00F87756">
        <w:trPr>
          <w:jc w:val="right"/>
        </w:trPr>
        <w:tc>
          <w:tcPr>
            <w:tcW w:w="6832" w:type="dxa"/>
            <w:vMerge/>
          </w:tcPr>
          <w:p w:rsidR="00F87756" w:rsidRPr="006821A7" w:rsidRDefault="00F87756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F87756" w:rsidRDefault="00643276" w:rsidP="00CF6084">
            <w:pPr>
              <w:spacing w:before="120" w:after="120"/>
            </w:pPr>
            <w:r>
              <w:t>21</w:t>
            </w:r>
          </w:p>
        </w:tc>
        <w:tc>
          <w:tcPr>
            <w:tcW w:w="594" w:type="dxa"/>
            <w:shd w:val="clear" w:color="auto" w:fill="auto"/>
          </w:tcPr>
          <w:p w:rsidR="00F87756" w:rsidRDefault="00643276" w:rsidP="00F87756">
            <w:pPr>
              <w:spacing w:before="120" w:after="120"/>
            </w:pPr>
            <w:r>
              <w:t>22</w:t>
            </w:r>
          </w:p>
        </w:tc>
        <w:tc>
          <w:tcPr>
            <w:tcW w:w="605" w:type="dxa"/>
            <w:shd w:val="clear" w:color="auto" w:fill="auto"/>
          </w:tcPr>
          <w:p w:rsidR="00F87756" w:rsidRDefault="00643276" w:rsidP="00F87756">
            <w:pPr>
              <w:spacing w:before="120" w:after="120"/>
            </w:pPr>
            <w:r>
              <w:t>23</w:t>
            </w:r>
          </w:p>
        </w:tc>
        <w:tc>
          <w:tcPr>
            <w:tcW w:w="594" w:type="dxa"/>
            <w:shd w:val="clear" w:color="auto" w:fill="auto"/>
          </w:tcPr>
          <w:p w:rsidR="00F87756" w:rsidRDefault="00643276" w:rsidP="00F87756">
            <w:pPr>
              <w:spacing w:before="120" w:after="120"/>
            </w:pPr>
            <w:r>
              <w:t>24</w:t>
            </w:r>
          </w:p>
        </w:tc>
        <w:tc>
          <w:tcPr>
            <w:tcW w:w="683" w:type="dxa"/>
            <w:shd w:val="clear" w:color="auto" w:fill="auto"/>
          </w:tcPr>
          <w:p w:rsidR="00F87756" w:rsidRDefault="00643276" w:rsidP="00F87756">
            <w:pPr>
              <w:spacing w:before="120" w:after="120"/>
            </w:pPr>
            <w:r>
              <w:t>25</w:t>
            </w:r>
          </w:p>
        </w:tc>
        <w:tc>
          <w:tcPr>
            <w:tcW w:w="556" w:type="dxa"/>
            <w:shd w:val="clear" w:color="auto" w:fill="auto"/>
          </w:tcPr>
          <w:p w:rsidR="00F87756" w:rsidRDefault="00643276" w:rsidP="00F87756">
            <w:pPr>
              <w:spacing w:before="120" w:after="120"/>
            </w:pPr>
            <w:r>
              <w:t>26</w:t>
            </w:r>
          </w:p>
        </w:tc>
        <w:tc>
          <w:tcPr>
            <w:tcW w:w="557" w:type="dxa"/>
            <w:shd w:val="clear" w:color="auto" w:fill="auto"/>
          </w:tcPr>
          <w:p w:rsidR="00F87756" w:rsidRDefault="00643276" w:rsidP="00F87756">
            <w:pPr>
              <w:spacing w:before="120" w:after="120"/>
            </w:pPr>
            <w:r>
              <w:t>27</w:t>
            </w:r>
          </w:p>
        </w:tc>
      </w:tr>
      <w:tr w:rsidR="00F87756">
        <w:trPr>
          <w:jc w:val="right"/>
        </w:trPr>
        <w:tc>
          <w:tcPr>
            <w:tcW w:w="6832" w:type="dxa"/>
            <w:vMerge/>
          </w:tcPr>
          <w:p w:rsidR="00F87756" w:rsidRPr="006821A7" w:rsidRDefault="00F87756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F87756" w:rsidRDefault="00643276" w:rsidP="00CF6084">
            <w:pPr>
              <w:spacing w:before="120" w:after="120"/>
            </w:pPr>
            <w:r>
              <w:t>28</w:t>
            </w:r>
          </w:p>
        </w:tc>
        <w:tc>
          <w:tcPr>
            <w:tcW w:w="594" w:type="dxa"/>
            <w:shd w:val="clear" w:color="auto" w:fill="auto"/>
          </w:tcPr>
          <w:p w:rsidR="00F87756" w:rsidRDefault="00643276" w:rsidP="00CF6084">
            <w:pPr>
              <w:spacing w:before="120" w:after="120"/>
            </w:pPr>
            <w:r>
              <w:t>29</w:t>
            </w:r>
          </w:p>
        </w:tc>
        <w:tc>
          <w:tcPr>
            <w:tcW w:w="605" w:type="dxa"/>
            <w:shd w:val="clear" w:color="auto" w:fill="auto"/>
          </w:tcPr>
          <w:p w:rsidR="00F87756" w:rsidRDefault="00643276" w:rsidP="00CF6084">
            <w:pPr>
              <w:spacing w:before="120" w:after="120"/>
            </w:pPr>
            <w:r>
              <w:t>30</w:t>
            </w:r>
          </w:p>
        </w:tc>
        <w:tc>
          <w:tcPr>
            <w:tcW w:w="594" w:type="dxa"/>
            <w:shd w:val="clear" w:color="auto" w:fill="auto"/>
          </w:tcPr>
          <w:p w:rsidR="00F87756" w:rsidRDefault="00F87756" w:rsidP="00CF6084">
            <w:pPr>
              <w:spacing w:before="120" w:after="120"/>
            </w:pPr>
          </w:p>
        </w:tc>
        <w:tc>
          <w:tcPr>
            <w:tcW w:w="683" w:type="dxa"/>
            <w:shd w:val="clear" w:color="auto" w:fill="auto"/>
          </w:tcPr>
          <w:p w:rsidR="00F87756" w:rsidRDefault="00F87756" w:rsidP="00CF6084">
            <w:pPr>
              <w:spacing w:before="120" w:after="120"/>
            </w:pPr>
          </w:p>
        </w:tc>
        <w:tc>
          <w:tcPr>
            <w:tcW w:w="556" w:type="dxa"/>
            <w:shd w:val="clear" w:color="auto" w:fill="auto"/>
          </w:tcPr>
          <w:p w:rsidR="00F87756" w:rsidRDefault="00F87756" w:rsidP="00CF6084">
            <w:pPr>
              <w:spacing w:before="120" w:after="120"/>
            </w:pPr>
          </w:p>
        </w:tc>
        <w:tc>
          <w:tcPr>
            <w:tcW w:w="557" w:type="dxa"/>
            <w:shd w:val="clear" w:color="auto" w:fill="auto"/>
          </w:tcPr>
          <w:p w:rsidR="00F87756" w:rsidRDefault="00F87756" w:rsidP="00CF6084">
            <w:pPr>
              <w:spacing w:before="120" w:after="120"/>
            </w:pPr>
          </w:p>
        </w:tc>
      </w:tr>
      <w:tr w:rsidR="00F87756">
        <w:trPr>
          <w:jc w:val="right"/>
        </w:trPr>
        <w:tc>
          <w:tcPr>
            <w:tcW w:w="6832" w:type="dxa"/>
            <w:vMerge/>
          </w:tcPr>
          <w:p w:rsidR="00F87756" w:rsidRPr="006821A7" w:rsidRDefault="00F87756" w:rsidP="00CF6084">
            <w:pPr>
              <w:rPr>
                <w:sz w:val="24"/>
                <w:szCs w:val="24"/>
              </w:rPr>
            </w:pPr>
          </w:p>
        </w:tc>
        <w:tc>
          <w:tcPr>
            <w:tcW w:w="4148" w:type="dxa"/>
            <w:gridSpan w:val="7"/>
            <w:shd w:val="clear" w:color="auto" w:fill="E6E6E6"/>
          </w:tcPr>
          <w:p w:rsidR="00F87756" w:rsidRPr="00953ADC" w:rsidRDefault="00F87756" w:rsidP="00CF6084">
            <w:pPr>
              <w:spacing w:before="120" w:after="120"/>
              <w:jc w:val="center"/>
              <w:rPr>
                <w:b/>
                <w:sz w:val="24"/>
                <w:szCs w:val="24"/>
              </w:rPr>
            </w:pPr>
            <w:r w:rsidRPr="00953ADC">
              <w:rPr>
                <w:b/>
                <w:sz w:val="24"/>
                <w:szCs w:val="24"/>
              </w:rPr>
              <w:t xml:space="preserve">May </w:t>
            </w:r>
            <w:r w:rsidR="002B79F5">
              <w:rPr>
                <w:b/>
                <w:sz w:val="24"/>
                <w:szCs w:val="24"/>
              </w:rPr>
              <w:t>201</w:t>
            </w:r>
            <w:r w:rsidR="00643276">
              <w:rPr>
                <w:b/>
                <w:sz w:val="24"/>
                <w:szCs w:val="24"/>
              </w:rPr>
              <w:t>3</w:t>
            </w:r>
          </w:p>
        </w:tc>
      </w:tr>
      <w:tr w:rsidR="00F87756">
        <w:trPr>
          <w:jc w:val="right"/>
        </w:trPr>
        <w:tc>
          <w:tcPr>
            <w:tcW w:w="6832" w:type="dxa"/>
            <w:vMerge/>
          </w:tcPr>
          <w:p w:rsidR="00F87756" w:rsidRPr="006821A7" w:rsidRDefault="00F87756" w:rsidP="00CF6084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F87756" w:rsidRDefault="00F87756" w:rsidP="00CF6084">
            <w:r>
              <w:t>Sun</w:t>
            </w:r>
          </w:p>
        </w:tc>
        <w:tc>
          <w:tcPr>
            <w:tcW w:w="594" w:type="dxa"/>
            <w:shd w:val="clear" w:color="auto" w:fill="auto"/>
          </w:tcPr>
          <w:p w:rsidR="00F87756" w:rsidRDefault="00F87756" w:rsidP="00CF6084">
            <w:r>
              <w:t>Mon</w:t>
            </w:r>
          </w:p>
        </w:tc>
        <w:tc>
          <w:tcPr>
            <w:tcW w:w="605" w:type="dxa"/>
            <w:shd w:val="clear" w:color="auto" w:fill="auto"/>
          </w:tcPr>
          <w:p w:rsidR="00F87756" w:rsidRDefault="00F87756" w:rsidP="00CF6084">
            <w:r>
              <w:t>Tues</w:t>
            </w:r>
          </w:p>
        </w:tc>
        <w:tc>
          <w:tcPr>
            <w:tcW w:w="594" w:type="dxa"/>
            <w:shd w:val="clear" w:color="auto" w:fill="auto"/>
          </w:tcPr>
          <w:p w:rsidR="00F87756" w:rsidRDefault="00F87756" w:rsidP="00CF6084">
            <w:r>
              <w:t>Wed</w:t>
            </w:r>
          </w:p>
        </w:tc>
        <w:tc>
          <w:tcPr>
            <w:tcW w:w="683" w:type="dxa"/>
            <w:shd w:val="clear" w:color="auto" w:fill="auto"/>
          </w:tcPr>
          <w:p w:rsidR="00F87756" w:rsidRDefault="00F87756" w:rsidP="00CF6084">
            <w:r>
              <w:t>Thurs</w:t>
            </w:r>
          </w:p>
        </w:tc>
        <w:tc>
          <w:tcPr>
            <w:tcW w:w="556" w:type="dxa"/>
            <w:shd w:val="clear" w:color="auto" w:fill="auto"/>
          </w:tcPr>
          <w:p w:rsidR="00F87756" w:rsidRDefault="00F87756" w:rsidP="00CF6084">
            <w:r>
              <w:t>Fri</w:t>
            </w:r>
          </w:p>
        </w:tc>
        <w:tc>
          <w:tcPr>
            <w:tcW w:w="557" w:type="dxa"/>
            <w:shd w:val="clear" w:color="auto" w:fill="auto"/>
          </w:tcPr>
          <w:p w:rsidR="00F87756" w:rsidRDefault="00F87756" w:rsidP="00CF6084">
            <w:r>
              <w:t>Sat</w:t>
            </w:r>
          </w:p>
        </w:tc>
      </w:tr>
      <w:tr w:rsidR="00F87756">
        <w:trPr>
          <w:jc w:val="right"/>
        </w:trPr>
        <w:tc>
          <w:tcPr>
            <w:tcW w:w="6832" w:type="dxa"/>
            <w:vMerge/>
          </w:tcPr>
          <w:p w:rsidR="00F87756" w:rsidRPr="006821A7" w:rsidRDefault="00F87756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F87756" w:rsidRDefault="00F87756" w:rsidP="00CF6084">
            <w:pPr>
              <w:spacing w:before="120" w:after="120"/>
            </w:pPr>
          </w:p>
        </w:tc>
        <w:tc>
          <w:tcPr>
            <w:tcW w:w="594" w:type="dxa"/>
            <w:shd w:val="clear" w:color="auto" w:fill="auto"/>
          </w:tcPr>
          <w:p w:rsidR="00F87756" w:rsidRDefault="00F87756" w:rsidP="00CF6084">
            <w:pPr>
              <w:spacing w:before="120" w:after="120"/>
            </w:pPr>
          </w:p>
        </w:tc>
        <w:tc>
          <w:tcPr>
            <w:tcW w:w="605" w:type="dxa"/>
            <w:shd w:val="clear" w:color="auto" w:fill="auto"/>
          </w:tcPr>
          <w:p w:rsidR="00F87756" w:rsidRDefault="00F87756" w:rsidP="00CF6084">
            <w:pPr>
              <w:spacing w:before="120" w:after="120"/>
            </w:pPr>
          </w:p>
        </w:tc>
        <w:tc>
          <w:tcPr>
            <w:tcW w:w="594" w:type="dxa"/>
            <w:shd w:val="clear" w:color="auto" w:fill="auto"/>
          </w:tcPr>
          <w:p w:rsidR="00F87756" w:rsidRDefault="00643276" w:rsidP="00CF6084">
            <w:pPr>
              <w:spacing w:before="120" w:after="120"/>
            </w:pPr>
            <w:r>
              <w:t>1</w:t>
            </w:r>
          </w:p>
        </w:tc>
        <w:tc>
          <w:tcPr>
            <w:tcW w:w="683" w:type="dxa"/>
            <w:shd w:val="clear" w:color="auto" w:fill="auto"/>
          </w:tcPr>
          <w:p w:rsidR="00F87756" w:rsidRDefault="00643276" w:rsidP="00CF6084">
            <w:pPr>
              <w:spacing w:before="120" w:after="120"/>
            </w:pPr>
            <w:r>
              <w:t>2</w:t>
            </w:r>
          </w:p>
        </w:tc>
        <w:tc>
          <w:tcPr>
            <w:tcW w:w="556" w:type="dxa"/>
            <w:shd w:val="clear" w:color="auto" w:fill="auto"/>
          </w:tcPr>
          <w:p w:rsidR="00F87756" w:rsidRDefault="00643276" w:rsidP="00CF6084">
            <w:pPr>
              <w:spacing w:before="120" w:after="120"/>
            </w:pPr>
            <w:r>
              <w:t>3</w:t>
            </w:r>
          </w:p>
        </w:tc>
        <w:tc>
          <w:tcPr>
            <w:tcW w:w="557" w:type="dxa"/>
            <w:shd w:val="clear" w:color="auto" w:fill="auto"/>
          </w:tcPr>
          <w:p w:rsidR="00F87756" w:rsidRDefault="00643276" w:rsidP="00CF6084">
            <w:pPr>
              <w:spacing w:before="120" w:after="120"/>
            </w:pPr>
            <w:r>
              <w:t>4</w:t>
            </w:r>
          </w:p>
        </w:tc>
      </w:tr>
      <w:tr w:rsidR="00643276">
        <w:trPr>
          <w:jc w:val="right"/>
        </w:trPr>
        <w:tc>
          <w:tcPr>
            <w:tcW w:w="6832" w:type="dxa"/>
            <w:vMerge/>
          </w:tcPr>
          <w:p w:rsidR="00643276" w:rsidRPr="006821A7" w:rsidRDefault="00643276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643276" w:rsidRDefault="00643276" w:rsidP="00CE7A4C">
            <w:pPr>
              <w:spacing w:before="120" w:after="120"/>
            </w:pPr>
            <w:r>
              <w:t>5</w:t>
            </w:r>
          </w:p>
        </w:tc>
        <w:tc>
          <w:tcPr>
            <w:tcW w:w="594" w:type="dxa"/>
            <w:shd w:val="clear" w:color="auto" w:fill="auto"/>
          </w:tcPr>
          <w:p w:rsidR="00643276" w:rsidRDefault="00643276" w:rsidP="00CE7A4C">
            <w:pPr>
              <w:spacing w:before="120" w:after="120"/>
            </w:pPr>
            <w:r>
              <w:t>6</w:t>
            </w:r>
          </w:p>
        </w:tc>
        <w:tc>
          <w:tcPr>
            <w:tcW w:w="605" w:type="dxa"/>
            <w:shd w:val="clear" w:color="auto" w:fill="auto"/>
          </w:tcPr>
          <w:p w:rsidR="00643276" w:rsidRDefault="00643276" w:rsidP="00CE7A4C">
            <w:pPr>
              <w:spacing w:before="120" w:after="120"/>
            </w:pPr>
            <w:r>
              <w:t>7</w:t>
            </w:r>
          </w:p>
        </w:tc>
        <w:tc>
          <w:tcPr>
            <w:tcW w:w="594" w:type="dxa"/>
            <w:shd w:val="clear" w:color="auto" w:fill="auto"/>
          </w:tcPr>
          <w:p w:rsidR="00643276" w:rsidRDefault="00643276" w:rsidP="00CE7A4C">
            <w:pPr>
              <w:spacing w:before="120" w:after="120"/>
            </w:pPr>
            <w:r>
              <w:t>8</w:t>
            </w:r>
          </w:p>
        </w:tc>
        <w:tc>
          <w:tcPr>
            <w:tcW w:w="683" w:type="dxa"/>
            <w:shd w:val="clear" w:color="auto" w:fill="auto"/>
          </w:tcPr>
          <w:p w:rsidR="00643276" w:rsidRDefault="00643276" w:rsidP="00CE7A4C">
            <w:pPr>
              <w:spacing w:before="120" w:after="120"/>
            </w:pPr>
            <w:r>
              <w:t>9</w:t>
            </w:r>
          </w:p>
        </w:tc>
        <w:tc>
          <w:tcPr>
            <w:tcW w:w="556" w:type="dxa"/>
            <w:shd w:val="clear" w:color="auto" w:fill="auto"/>
          </w:tcPr>
          <w:p w:rsidR="00643276" w:rsidRDefault="00643276" w:rsidP="00CE7A4C">
            <w:pPr>
              <w:spacing w:before="120" w:after="120"/>
            </w:pPr>
            <w:r>
              <w:t>10</w:t>
            </w:r>
          </w:p>
        </w:tc>
        <w:tc>
          <w:tcPr>
            <w:tcW w:w="557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11</w:t>
            </w:r>
          </w:p>
        </w:tc>
      </w:tr>
      <w:tr w:rsidR="00643276">
        <w:trPr>
          <w:jc w:val="right"/>
        </w:trPr>
        <w:tc>
          <w:tcPr>
            <w:tcW w:w="6832" w:type="dxa"/>
            <w:vMerge/>
          </w:tcPr>
          <w:p w:rsidR="00643276" w:rsidRPr="006821A7" w:rsidRDefault="00643276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643276" w:rsidRDefault="00643276" w:rsidP="00CF6084">
            <w:pPr>
              <w:spacing w:before="120" w:after="120"/>
            </w:pPr>
            <w:r>
              <w:t>12</w:t>
            </w:r>
          </w:p>
        </w:tc>
        <w:tc>
          <w:tcPr>
            <w:tcW w:w="594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13</w:t>
            </w:r>
          </w:p>
        </w:tc>
        <w:tc>
          <w:tcPr>
            <w:tcW w:w="605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14</w:t>
            </w:r>
          </w:p>
        </w:tc>
        <w:tc>
          <w:tcPr>
            <w:tcW w:w="594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15</w:t>
            </w:r>
          </w:p>
        </w:tc>
        <w:tc>
          <w:tcPr>
            <w:tcW w:w="683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16</w:t>
            </w:r>
          </w:p>
        </w:tc>
        <w:tc>
          <w:tcPr>
            <w:tcW w:w="556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17</w:t>
            </w:r>
          </w:p>
        </w:tc>
        <w:tc>
          <w:tcPr>
            <w:tcW w:w="557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18</w:t>
            </w:r>
          </w:p>
        </w:tc>
      </w:tr>
      <w:tr w:rsidR="00643276">
        <w:trPr>
          <w:jc w:val="right"/>
        </w:trPr>
        <w:tc>
          <w:tcPr>
            <w:tcW w:w="6832" w:type="dxa"/>
            <w:vMerge/>
          </w:tcPr>
          <w:p w:rsidR="00643276" w:rsidRPr="006821A7" w:rsidRDefault="00643276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643276" w:rsidRDefault="00643276" w:rsidP="00CF6084">
            <w:pPr>
              <w:spacing w:before="120" w:after="120"/>
            </w:pPr>
            <w:r>
              <w:t>19</w:t>
            </w:r>
          </w:p>
        </w:tc>
        <w:tc>
          <w:tcPr>
            <w:tcW w:w="594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20</w:t>
            </w:r>
          </w:p>
        </w:tc>
        <w:tc>
          <w:tcPr>
            <w:tcW w:w="605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21</w:t>
            </w:r>
          </w:p>
        </w:tc>
        <w:tc>
          <w:tcPr>
            <w:tcW w:w="594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22</w:t>
            </w:r>
          </w:p>
        </w:tc>
        <w:tc>
          <w:tcPr>
            <w:tcW w:w="683" w:type="dxa"/>
            <w:shd w:val="clear" w:color="auto" w:fill="auto"/>
          </w:tcPr>
          <w:p w:rsidR="00643276" w:rsidRDefault="00643276" w:rsidP="002B79F5">
            <w:pPr>
              <w:spacing w:before="120" w:after="120"/>
            </w:pPr>
            <w:r>
              <w:t>23</w:t>
            </w:r>
          </w:p>
        </w:tc>
        <w:tc>
          <w:tcPr>
            <w:tcW w:w="556" w:type="dxa"/>
            <w:shd w:val="clear" w:color="auto" w:fill="auto"/>
          </w:tcPr>
          <w:p w:rsidR="00643276" w:rsidRDefault="00643276" w:rsidP="00643276">
            <w:pPr>
              <w:spacing w:before="120" w:after="120"/>
            </w:pPr>
            <w:r>
              <w:t>24</w:t>
            </w:r>
          </w:p>
        </w:tc>
        <w:tc>
          <w:tcPr>
            <w:tcW w:w="557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25</w:t>
            </w:r>
          </w:p>
        </w:tc>
      </w:tr>
      <w:tr w:rsidR="00643276">
        <w:trPr>
          <w:jc w:val="right"/>
        </w:trPr>
        <w:tc>
          <w:tcPr>
            <w:tcW w:w="6832" w:type="dxa"/>
            <w:vMerge/>
          </w:tcPr>
          <w:p w:rsidR="00643276" w:rsidRPr="006821A7" w:rsidRDefault="00643276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643276" w:rsidRDefault="00643276" w:rsidP="00CF6084">
            <w:pPr>
              <w:spacing w:before="120" w:after="120"/>
            </w:pPr>
            <w:r>
              <w:t>26</w:t>
            </w:r>
          </w:p>
        </w:tc>
        <w:tc>
          <w:tcPr>
            <w:tcW w:w="594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27</w:t>
            </w:r>
          </w:p>
        </w:tc>
        <w:tc>
          <w:tcPr>
            <w:tcW w:w="605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28</w:t>
            </w:r>
          </w:p>
        </w:tc>
        <w:tc>
          <w:tcPr>
            <w:tcW w:w="594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29</w:t>
            </w:r>
          </w:p>
        </w:tc>
        <w:tc>
          <w:tcPr>
            <w:tcW w:w="683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30</w:t>
            </w:r>
          </w:p>
        </w:tc>
        <w:tc>
          <w:tcPr>
            <w:tcW w:w="556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31</w:t>
            </w:r>
          </w:p>
        </w:tc>
        <w:tc>
          <w:tcPr>
            <w:tcW w:w="557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</w:p>
        </w:tc>
      </w:tr>
      <w:tr w:rsidR="00643276">
        <w:trPr>
          <w:jc w:val="right"/>
        </w:trPr>
        <w:tc>
          <w:tcPr>
            <w:tcW w:w="6832" w:type="dxa"/>
            <w:vMerge/>
          </w:tcPr>
          <w:p w:rsidR="00643276" w:rsidRPr="006821A7" w:rsidRDefault="00643276" w:rsidP="00CF6084">
            <w:pPr>
              <w:rPr>
                <w:sz w:val="24"/>
                <w:szCs w:val="24"/>
              </w:rPr>
            </w:pPr>
          </w:p>
        </w:tc>
        <w:tc>
          <w:tcPr>
            <w:tcW w:w="4148" w:type="dxa"/>
            <w:gridSpan w:val="7"/>
            <w:shd w:val="clear" w:color="auto" w:fill="E6E6E6"/>
          </w:tcPr>
          <w:p w:rsidR="00643276" w:rsidRPr="00953ADC" w:rsidRDefault="00643276" w:rsidP="00CF6084">
            <w:pPr>
              <w:spacing w:before="120" w:after="120"/>
              <w:jc w:val="center"/>
              <w:rPr>
                <w:b/>
                <w:sz w:val="24"/>
                <w:szCs w:val="24"/>
              </w:rPr>
            </w:pPr>
            <w:r w:rsidRPr="00953ADC">
              <w:rPr>
                <w:b/>
                <w:sz w:val="24"/>
                <w:szCs w:val="24"/>
              </w:rPr>
              <w:t xml:space="preserve">June </w:t>
            </w:r>
            <w:r>
              <w:rPr>
                <w:b/>
                <w:sz w:val="24"/>
                <w:szCs w:val="24"/>
              </w:rPr>
              <w:t>2013</w:t>
            </w:r>
          </w:p>
        </w:tc>
      </w:tr>
      <w:tr w:rsidR="00643276">
        <w:trPr>
          <w:jc w:val="right"/>
        </w:trPr>
        <w:tc>
          <w:tcPr>
            <w:tcW w:w="6832" w:type="dxa"/>
            <w:vMerge/>
          </w:tcPr>
          <w:p w:rsidR="00643276" w:rsidRPr="006821A7" w:rsidRDefault="00643276" w:rsidP="00CF6084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643276" w:rsidRDefault="00643276" w:rsidP="00CF6084">
            <w:r>
              <w:t>Sun</w:t>
            </w:r>
          </w:p>
        </w:tc>
        <w:tc>
          <w:tcPr>
            <w:tcW w:w="594" w:type="dxa"/>
            <w:shd w:val="clear" w:color="auto" w:fill="auto"/>
          </w:tcPr>
          <w:p w:rsidR="00643276" w:rsidRDefault="00643276" w:rsidP="00CF6084">
            <w:r>
              <w:t>Mon</w:t>
            </w:r>
          </w:p>
        </w:tc>
        <w:tc>
          <w:tcPr>
            <w:tcW w:w="605" w:type="dxa"/>
            <w:shd w:val="clear" w:color="auto" w:fill="auto"/>
          </w:tcPr>
          <w:p w:rsidR="00643276" w:rsidRDefault="00643276" w:rsidP="00CF6084">
            <w:r>
              <w:t>Tues</w:t>
            </w:r>
          </w:p>
        </w:tc>
        <w:tc>
          <w:tcPr>
            <w:tcW w:w="594" w:type="dxa"/>
            <w:shd w:val="clear" w:color="auto" w:fill="auto"/>
          </w:tcPr>
          <w:p w:rsidR="00643276" w:rsidRDefault="00643276" w:rsidP="00CF6084">
            <w:r>
              <w:t>Wed</w:t>
            </w:r>
          </w:p>
        </w:tc>
        <w:tc>
          <w:tcPr>
            <w:tcW w:w="683" w:type="dxa"/>
            <w:shd w:val="clear" w:color="auto" w:fill="auto"/>
          </w:tcPr>
          <w:p w:rsidR="00643276" w:rsidRDefault="00643276" w:rsidP="00CF6084">
            <w:r>
              <w:t>Thurs</w:t>
            </w:r>
          </w:p>
        </w:tc>
        <w:tc>
          <w:tcPr>
            <w:tcW w:w="556" w:type="dxa"/>
            <w:shd w:val="clear" w:color="auto" w:fill="auto"/>
          </w:tcPr>
          <w:p w:rsidR="00643276" w:rsidRDefault="00643276" w:rsidP="00CF6084">
            <w:r>
              <w:t>Fri</w:t>
            </w:r>
          </w:p>
        </w:tc>
        <w:tc>
          <w:tcPr>
            <w:tcW w:w="557" w:type="dxa"/>
            <w:shd w:val="clear" w:color="auto" w:fill="auto"/>
          </w:tcPr>
          <w:p w:rsidR="00643276" w:rsidRDefault="00643276" w:rsidP="00CF6084">
            <w:r>
              <w:t>Sat</w:t>
            </w:r>
          </w:p>
        </w:tc>
      </w:tr>
      <w:tr w:rsidR="00643276">
        <w:trPr>
          <w:jc w:val="right"/>
        </w:trPr>
        <w:tc>
          <w:tcPr>
            <w:tcW w:w="6832" w:type="dxa"/>
            <w:vMerge/>
          </w:tcPr>
          <w:p w:rsidR="00643276" w:rsidRPr="006821A7" w:rsidRDefault="00643276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</w:p>
        </w:tc>
        <w:tc>
          <w:tcPr>
            <w:tcW w:w="594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</w:p>
        </w:tc>
        <w:tc>
          <w:tcPr>
            <w:tcW w:w="605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</w:p>
        </w:tc>
        <w:tc>
          <w:tcPr>
            <w:tcW w:w="594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</w:p>
        </w:tc>
        <w:tc>
          <w:tcPr>
            <w:tcW w:w="683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</w:p>
        </w:tc>
        <w:tc>
          <w:tcPr>
            <w:tcW w:w="556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</w:p>
        </w:tc>
        <w:tc>
          <w:tcPr>
            <w:tcW w:w="557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1</w:t>
            </w:r>
          </w:p>
        </w:tc>
      </w:tr>
      <w:tr w:rsidR="00643276">
        <w:trPr>
          <w:jc w:val="right"/>
        </w:trPr>
        <w:tc>
          <w:tcPr>
            <w:tcW w:w="6832" w:type="dxa"/>
            <w:vMerge/>
          </w:tcPr>
          <w:p w:rsidR="00643276" w:rsidRPr="006821A7" w:rsidRDefault="00643276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643276" w:rsidRDefault="00643276" w:rsidP="00CF6084">
            <w:pPr>
              <w:spacing w:before="120" w:after="120"/>
            </w:pPr>
            <w:r>
              <w:t>2</w:t>
            </w:r>
          </w:p>
        </w:tc>
        <w:tc>
          <w:tcPr>
            <w:tcW w:w="594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3</w:t>
            </w:r>
          </w:p>
        </w:tc>
        <w:tc>
          <w:tcPr>
            <w:tcW w:w="605" w:type="dxa"/>
            <w:shd w:val="clear" w:color="auto" w:fill="auto"/>
          </w:tcPr>
          <w:p w:rsidR="00643276" w:rsidRDefault="00643276" w:rsidP="00643276">
            <w:pPr>
              <w:spacing w:before="120" w:after="120"/>
            </w:pPr>
            <w:r>
              <w:t>4</w:t>
            </w:r>
          </w:p>
        </w:tc>
        <w:tc>
          <w:tcPr>
            <w:tcW w:w="594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5</w:t>
            </w:r>
          </w:p>
        </w:tc>
        <w:tc>
          <w:tcPr>
            <w:tcW w:w="683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6</w:t>
            </w:r>
          </w:p>
        </w:tc>
        <w:tc>
          <w:tcPr>
            <w:tcW w:w="556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7</w:t>
            </w:r>
          </w:p>
        </w:tc>
        <w:tc>
          <w:tcPr>
            <w:tcW w:w="557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8</w:t>
            </w:r>
          </w:p>
        </w:tc>
      </w:tr>
      <w:tr w:rsidR="00643276">
        <w:trPr>
          <w:jc w:val="right"/>
        </w:trPr>
        <w:tc>
          <w:tcPr>
            <w:tcW w:w="6832" w:type="dxa"/>
            <w:vMerge/>
          </w:tcPr>
          <w:p w:rsidR="00643276" w:rsidRPr="006821A7" w:rsidRDefault="00643276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643276" w:rsidRDefault="00643276" w:rsidP="006025D3">
            <w:pPr>
              <w:spacing w:before="120" w:after="120"/>
            </w:pPr>
            <w:r>
              <w:t>9</w:t>
            </w:r>
          </w:p>
        </w:tc>
        <w:tc>
          <w:tcPr>
            <w:tcW w:w="594" w:type="dxa"/>
            <w:shd w:val="clear" w:color="auto" w:fill="auto"/>
          </w:tcPr>
          <w:p w:rsidR="00643276" w:rsidRDefault="00643276" w:rsidP="006025D3">
            <w:pPr>
              <w:spacing w:before="120" w:after="120"/>
            </w:pPr>
            <w:r>
              <w:t>10</w:t>
            </w:r>
          </w:p>
        </w:tc>
        <w:tc>
          <w:tcPr>
            <w:tcW w:w="605" w:type="dxa"/>
            <w:shd w:val="clear" w:color="auto" w:fill="auto"/>
          </w:tcPr>
          <w:p w:rsidR="00643276" w:rsidRDefault="00643276" w:rsidP="006025D3">
            <w:pPr>
              <w:spacing w:before="120" w:after="120"/>
            </w:pPr>
            <w:r>
              <w:t>11</w:t>
            </w:r>
          </w:p>
        </w:tc>
        <w:tc>
          <w:tcPr>
            <w:tcW w:w="594" w:type="dxa"/>
            <w:shd w:val="clear" w:color="auto" w:fill="auto"/>
          </w:tcPr>
          <w:p w:rsidR="00643276" w:rsidRDefault="00643276" w:rsidP="00643276">
            <w:pPr>
              <w:spacing w:before="120" w:after="120"/>
            </w:pPr>
            <w:r>
              <w:t>12</w:t>
            </w:r>
          </w:p>
        </w:tc>
        <w:tc>
          <w:tcPr>
            <w:tcW w:w="683" w:type="dxa"/>
            <w:shd w:val="clear" w:color="auto" w:fill="auto"/>
          </w:tcPr>
          <w:p w:rsidR="00643276" w:rsidRDefault="00643276" w:rsidP="006025D3">
            <w:pPr>
              <w:spacing w:before="120" w:after="120"/>
            </w:pPr>
            <w:r>
              <w:t>13</w:t>
            </w:r>
          </w:p>
        </w:tc>
        <w:tc>
          <w:tcPr>
            <w:tcW w:w="556" w:type="dxa"/>
            <w:shd w:val="clear" w:color="auto" w:fill="auto"/>
          </w:tcPr>
          <w:p w:rsidR="00643276" w:rsidRDefault="00643276" w:rsidP="006025D3">
            <w:pPr>
              <w:spacing w:before="120" w:after="120"/>
            </w:pPr>
            <w:r>
              <w:t>14</w:t>
            </w:r>
          </w:p>
        </w:tc>
        <w:tc>
          <w:tcPr>
            <w:tcW w:w="557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15</w:t>
            </w:r>
          </w:p>
        </w:tc>
      </w:tr>
      <w:tr w:rsidR="00643276">
        <w:trPr>
          <w:jc w:val="right"/>
        </w:trPr>
        <w:tc>
          <w:tcPr>
            <w:tcW w:w="6832" w:type="dxa"/>
            <w:vMerge/>
          </w:tcPr>
          <w:p w:rsidR="00643276" w:rsidRPr="006821A7" w:rsidRDefault="00643276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643276" w:rsidRDefault="00643276" w:rsidP="006025D3">
            <w:pPr>
              <w:spacing w:before="120" w:after="120"/>
            </w:pPr>
            <w:r>
              <w:t>16</w:t>
            </w:r>
          </w:p>
        </w:tc>
        <w:tc>
          <w:tcPr>
            <w:tcW w:w="594" w:type="dxa"/>
            <w:shd w:val="clear" w:color="auto" w:fill="auto"/>
          </w:tcPr>
          <w:p w:rsidR="00643276" w:rsidRDefault="00643276" w:rsidP="006025D3">
            <w:pPr>
              <w:spacing w:before="120" w:after="120"/>
            </w:pPr>
            <w:r>
              <w:t>17</w:t>
            </w:r>
          </w:p>
        </w:tc>
        <w:tc>
          <w:tcPr>
            <w:tcW w:w="605" w:type="dxa"/>
            <w:shd w:val="clear" w:color="auto" w:fill="auto"/>
          </w:tcPr>
          <w:p w:rsidR="00643276" w:rsidRDefault="00643276" w:rsidP="006025D3">
            <w:pPr>
              <w:spacing w:before="120" w:after="120"/>
            </w:pPr>
            <w:r>
              <w:t>18</w:t>
            </w:r>
          </w:p>
        </w:tc>
        <w:tc>
          <w:tcPr>
            <w:tcW w:w="594" w:type="dxa"/>
            <w:shd w:val="clear" w:color="auto" w:fill="auto"/>
          </w:tcPr>
          <w:p w:rsidR="00643276" w:rsidRDefault="00643276" w:rsidP="006025D3">
            <w:pPr>
              <w:spacing w:before="120" w:after="120"/>
            </w:pPr>
            <w:r>
              <w:t>19</w:t>
            </w:r>
          </w:p>
        </w:tc>
        <w:tc>
          <w:tcPr>
            <w:tcW w:w="683" w:type="dxa"/>
            <w:shd w:val="clear" w:color="auto" w:fill="auto"/>
          </w:tcPr>
          <w:p w:rsidR="00643276" w:rsidRDefault="00643276" w:rsidP="006025D3">
            <w:pPr>
              <w:spacing w:before="120" w:after="120"/>
            </w:pPr>
            <w:r>
              <w:t>20</w:t>
            </w:r>
          </w:p>
        </w:tc>
        <w:tc>
          <w:tcPr>
            <w:tcW w:w="556" w:type="dxa"/>
            <w:shd w:val="clear" w:color="auto" w:fill="auto"/>
          </w:tcPr>
          <w:p w:rsidR="00643276" w:rsidRDefault="00643276" w:rsidP="006025D3">
            <w:pPr>
              <w:spacing w:before="120" w:after="120"/>
            </w:pPr>
            <w:r>
              <w:t>21</w:t>
            </w:r>
          </w:p>
        </w:tc>
        <w:tc>
          <w:tcPr>
            <w:tcW w:w="557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22</w:t>
            </w:r>
          </w:p>
        </w:tc>
      </w:tr>
      <w:tr w:rsidR="00643276">
        <w:trPr>
          <w:trHeight w:val="557"/>
          <w:jc w:val="right"/>
        </w:trPr>
        <w:tc>
          <w:tcPr>
            <w:tcW w:w="6832" w:type="dxa"/>
            <w:vMerge/>
          </w:tcPr>
          <w:p w:rsidR="00643276" w:rsidRPr="006821A7" w:rsidRDefault="00643276">
            <w:pPr>
              <w:rPr>
                <w:sz w:val="24"/>
                <w:szCs w:val="24"/>
              </w:rPr>
            </w:pPr>
          </w:p>
        </w:tc>
        <w:tc>
          <w:tcPr>
            <w:tcW w:w="559" w:type="dxa"/>
            <w:shd w:val="clear" w:color="auto" w:fill="auto"/>
          </w:tcPr>
          <w:p w:rsidR="00643276" w:rsidRDefault="00643276" w:rsidP="006C60BE">
            <w:pPr>
              <w:spacing w:before="120" w:after="120"/>
            </w:pPr>
            <w:r>
              <w:t>23</w:t>
            </w:r>
          </w:p>
        </w:tc>
        <w:tc>
          <w:tcPr>
            <w:tcW w:w="594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24</w:t>
            </w:r>
          </w:p>
        </w:tc>
        <w:tc>
          <w:tcPr>
            <w:tcW w:w="605" w:type="dxa"/>
            <w:shd w:val="clear" w:color="auto" w:fill="auto"/>
          </w:tcPr>
          <w:p w:rsidR="00643276" w:rsidRDefault="00643276" w:rsidP="00F87756">
            <w:pPr>
              <w:spacing w:before="120" w:after="120"/>
            </w:pPr>
            <w:r>
              <w:t>25</w:t>
            </w:r>
          </w:p>
        </w:tc>
        <w:tc>
          <w:tcPr>
            <w:tcW w:w="594" w:type="dxa"/>
            <w:shd w:val="clear" w:color="auto" w:fill="auto"/>
          </w:tcPr>
          <w:p w:rsidR="00643276" w:rsidRDefault="00643276" w:rsidP="00CF6084">
            <w:pPr>
              <w:spacing w:before="120" w:after="120"/>
            </w:pPr>
            <w:r>
              <w:t>26</w:t>
            </w:r>
          </w:p>
        </w:tc>
        <w:tc>
          <w:tcPr>
            <w:tcW w:w="683" w:type="dxa"/>
            <w:shd w:val="clear" w:color="auto" w:fill="auto"/>
          </w:tcPr>
          <w:p w:rsidR="00643276" w:rsidRDefault="00643276" w:rsidP="00CF6084">
            <w:pPr>
              <w:spacing w:before="120" w:after="120"/>
            </w:pPr>
            <w:r>
              <w:t>27</w:t>
            </w:r>
          </w:p>
        </w:tc>
        <w:tc>
          <w:tcPr>
            <w:tcW w:w="556" w:type="dxa"/>
            <w:shd w:val="clear" w:color="auto" w:fill="auto"/>
          </w:tcPr>
          <w:p w:rsidR="00643276" w:rsidRDefault="00643276" w:rsidP="00CF6084">
            <w:pPr>
              <w:spacing w:before="120" w:after="120"/>
            </w:pPr>
            <w:r>
              <w:t>28</w:t>
            </w:r>
          </w:p>
        </w:tc>
        <w:tc>
          <w:tcPr>
            <w:tcW w:w="557" w:type="dxa"/>
            <w:shd w:val="clear" w:color="auto" w:fill="auto"/>
          </w:tcPr>
          <w:p w:rsidR="00643276" w:rsidRDefault="00643276" w:rsidP="00CF6084">
            <w:pPr>
              <w:spacing w:before="120" w:after="120"/>
            </w:pPr>
            <w:r>
              <w:t>29</w:t>
            </w:r>
          </w:p>
        </w:tc>
      </w:tr>
    </w:tbl>
    <w:p w:rsidR="001B4462" w:rsidRDefault="001B4462" w:rsidP="00C01BFA"/>
    <w:sectPr w:rsidR="001B4462" w:rsidSect="00AA69A4">
      <w:headerReference w:type="even" r:id="rId6"/>
      <w:headerReference w:type="default" r:id="rId7"/>
      <w:footerReference w:type="even" r:id="rId8"/>
      <w:footerReference w:type="default" r:id="rId9"/>
      <w:headerReference w:type="first" r:id="rId10"/>
      <w:footerReference w:type="first" r:id="rId11"/>
      <w:pgSz w:w="12240" w:h="15840" w:code="1"/>
      <w:pgMar w:top="432" w:right="720" w:bottom="576" w:left="720" w:header="432" w:footer="288" w:gutter="0"/>
      <w:paperSrc w:first="260" w:other="260"/>
      <w:cols w:space="720"/>
    </w:sectPr>
  </w:body>
</w:document>
</file>

<file path=word/endnotes.xml><?xml version="1.0" encoding="utf-8"?>
<w:endnotes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endnote w:type="separator" w:id="-1">
    <w:p w:rsidR="00EA4898" w:rsidRDefault="00EA4898">
      <w:r>
        <w:separator/>
      </w:r>
    </w:p>
  </w:endnote>
  <w:endnote w:type="continuationSeparator" w:id="0">
    <w:p w:rsidR="00EA4898" w:rsidRDefault="00EA4898">
      <w:r>
        <w:continuationSeparator/>
      </w:r>
    </w:p>
  </w:endnote>
</w:endnotes>
</file>

<file path=word/fontTable.xml><?xml version="1.0" encoding="utf-8"?>
<w:fonts xmlns:r="http://schemas.openxmlformats.org/officeDocument/2006/relationships" xmlns:w="http://schemas.openxmlformats.org/wordprocessingml/2006/main"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EA4898" w:rsidRDefault="00EA4898">
    <w:pPr>
      <w:pStyle w:val="Footer"/>
    </w:pPr>
  </w:p>
</w:ftr>
</file>

<file path=word/footer2.xml><?xml version="1.0" encoding="utf-8"?>
<w:ft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EA4898" w:rsidRDefault="00A33BB7" w:rsidP="00A33BB7">
    <w:pPr>
      <w:pStyle w:val="BodyText3"/>
    </w:pPr>
    <w:fldSimple w:instr=" DOCPROPERTY iManageFooter ">
      <w:r>
        <w:t>443429.4</w:t>
      </w:r>
    </w:fldSimple>
  </w:p>
</w:ftr>
</file>

<file path=word/footer3.xml><?xml version="1.0" encoding="utf-8"?>
<w:ft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EA4898" w:rsidRDefault="00EA4898">
    <w:pPr>
      <w:pStyle w:val="Footer"/>
    </w:pPr>
  </w:p>
</w:ftr>
</file>

<file path=word/footnotes.xml><?xml version="1.0" encoding="utf-8"?>
<w:footnotes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footnote w:type="separator" w:id="-1">
    <w:p w:rsidR="00EA4898" w:rsidRDefault="00EA4898">
      <w:r>
        <w:separator/>
      </w:r>
    </w:p>
  </w:footnote>
  <w:footnote w:type="continuationSeparator" w:id="0">
    <w:p w:rsidR="00EA4898" w:rsidRDefault="00EA4898">
      <w:r>
        <w:continuationSeparator/>
      </w:r>
    </w:p>
  </w:footnote>
</w:footnotes>
</file>

<file path=word/header1.xml><?xml version="1.0" encoding="utf-8"?>
<w:hd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EA4898" w:rsidRDefault="00EA4898">
    <w:pPr>
      <w:pStyle w:val="Header"/>
    </w:pPr>
  </w:p>
</w:hdr>
</file>

<file path=word/header2.xml><?xml version="1.0" encoding="utf-8"?>
<w:hd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EA4898" w:rsidRDefault="00EA4898">
    <w:pPr>
      <w:pStyle w:val="Header"/>
    </w:pPr>
  </w:p>
</w:hdr>
</file>

<file path=word/header3.xml><?xml version="1.0" encoding="utf-8"?>
<w:hd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EA4898" w:rsidRDefault="00EA4898">
    <w:pPr>
      <w:pStyle w:val="Header"/>
    </w:pPr>
  </w:p>
</w:hdr>
</file>

<file path=word/settings.xml><?xml version="1.0" encoding="utf-8"?>
<w:settings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sl="http://schemas.openxmlformats.org/schemaLibrary/2006/main">
  <w:zoom w:percent="100"/>
  <w:proofState w:spelling="clean"/>
  <w:stylePaneFormatFilter w:val="3F01"/>
  <w:doNotTrackMoves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21505"/>
  </w:hdrShapeDefaults>
  <w:footnotePr>
    <w:footnote w:id="-1"/>
    <w:footnote w:id="0"/>
  </w:footnotePr>
  <w:endnotePr>
    <w:endnote w:id="-1"/>
    <w:endnote w:id="0"/>
  </w:endnotePr>
  <w:compat>
    <w:footnoteLayoutLikeWW8/>
    <w:shapeLayoutLikeWW8/>
    <w:alignTablesRowByRow/>
    <w:forgetLastTabAlignment/>
    <w:doNotUseHTMLParagraphAutoSpacing/>
    <w:layoutRawTableWidth/>
    <w:layoutTableRowsApart/>
    <w:useWord97LineBreakRules/>
    <w:doNotBreakWrappedTables/>
    <w:doNotSnapToGridInCell/>
    <w:selectFldWithFirstOrLastChar/>
    <w:doNotWrapTextWithPunct/>
    <w:doNotUseEastAsianBreakRules/>
    <w:useWord2002TableStyleRules/>
    <w:growAutofit/>
    <w:useNormalStyleForList/>
    <w:doNotUseIndentAsNumberingTabStop/>
    <w:useAltKinsokuLineBreakRules/>
    <w:allowSpaceOfSameStyleInTable/>
    <w:doNotSuppressIndentation/>
    <w:doNotAutofitConstrainedTables/>
    <w:autofitToFirstFixedWidthCell/>
    <w:displayHangulFixedWidth/>
    <w:splitPgBreakAndParaMark/>
    <w:doNotVertAlignCellWithSp/>
    <w:doNotBreakConstrainedForcedTable/>
    <w:doNotVertAlignInTxbx/>
    <w:useAnsiKerningPairs/>
    <w:cachedColBalance/>
  </w:compat>
  <w:rsids>
    <w:rsidRoot w:val="002A4050"/>
    <w:rsid w:val="00000E5D"/>
    <w:rsid w:val="00001192"/>
    <w:rsid w:val="0000184C"/>
    <w:rsid w:val="000050A8"/>
    <w:rsid w:val="00005AD0"/>
    <w:rsid w:val="00005D91"/>
    <w:rsid w:val="000061B8"/>
    <w:rsid w:val="000069A4"/>
    <w:rsid w:val="00012FE2"/>
    <w:rsid w:val="00013B80"/>
    <w:rsid w:val="00016AB4"/>
    <w:rsid w:val="00021624"/>
    <w:rsid w:val="00021B46"/>
    <w:rsid w:val="00022966"/>
    <w:rsid w:val="000237EE"/>
    <w:rsid w:val="00026557"/>
    <w:rsid w:val="00026D3A"/>
    <w:rsid w:val="0002708C"/>
    <w:rsid w:val="000347EC"/>
    <w:rsid w:val="000404E9"/>
    <w:rsid w:val="000417C4"/>
    <w:rsid w:val="00042857"/>
    <w:rsid w:val="00043888"/>
    <w:rsid w:val="0004425C"/>
    <w:rsid w:val="000450D7"/>
    <w:rsid w:val="000460F2"/>
    <w:rsid w:val="00046501"/>
    <w:rsid w:val="00047994"/>
    <w:rsid w:val="0005036A"/>
    <w:rsid w:val="0005083C"/>
    <w:rsid w:val="000510BB"/>
    <w:rsid w:val="00051610"/>
    <w:rsid w:val="000545DC"/>
    <w:rsid w:val="000559F0"/>
    <w:rsid w:val="00056360"/>
    <w:rsid w:val="00056873"/>
    <w:rsid w:val="000572FA"/>
    <w:rsid w:val="00057C3D"/>
    <w:rsid w:val="00067183"/>
    <w:rsid w:val="00071FC6"/>
    <w:rsid w:val="00072371"/>
    <w:rsid w:val="0007441F"/>
    <w:rsid w:val="0007530D"/>
    <w:rsid w:val="00077FC8"/>
    <w:rsid w:val="00080458"/>
    <w:rsid w:val="000806DD"/>
    <w:rsid w:val="0008123D"/>
    <w:rsid w:val="00081BAE"/>
    <w:rsid w:val="00082940"/>
    <w:rsid w:val="00082A24"/>
    <w:rsid w:val="000848DE"/>
    <w:rsid w:val="00084EF2"/>
    <w:rsid w:val="000852B3"/>
    <w:rsid w:val="00086A35"/>
    <w:rsid w:val="000905CB"/>
    <w:rsid w:val="00091A8C"/>
    <w:rsid w:val="00091CE5"/>
    <w:rsid w:val="000933A4"/>
    <w:rsid w:val="00093A3F"/>
    <w:rsid w:val="000958A2"/>
    <w:rsid w:val="00097EA6"/>
    <w:rsid w:val="000A1253"/>
    <w:rsid w:val="000A6BE0"/>
    <w:rsid w:val="000B4ADF"/>
    <w:rsid w:val="000B5010"/>
    <w:rsid w:val="000B5594"/>
    <w:rsid w:val="000B7D6C"/>
    <w:rsid w:val="000C0553"/>
    <w:rsid w:val="000C1A07"/>
    <w:rsid w:val="000C2981"/>
    <w:rsid w:val="000C3A36"/>
    <w:rsid w:val="000C3C69"/>
    <w:rsid w:val="000C43A9"/>
    <w:rsid w:val="000C45BD"/>
    <w:rsid w:val="000C5107"/>
    <w:rsid w:val="000C567E"/>
    <w:rsid w:val="000C5C7C"/>
    <w:rsid w:val="000C732A"/>
    <w:rsid w:val="000D1891"/>
    <w:rsid w:val="000D1CE3"/>
    <w:rsid w:val="000D1FFC"/>
    <w:rsid w:val="000D23DB"/>
    <w:rsid w:val="000D7207"/>
    <w:rsid w:val="000E22E4"/>
    <w:rsid w:val="000E233D"/>
    <w:rsid w:val="000E4069"/>
    <w:rsid w:val="000E47E5"/>
    <w:rsid w:val="000E751C"/>
    <w:rsid w:val="000E75B3"/>
    <w:rsid w:val="000E7973"/>
    <w:rsid w:val="000F037F"/>
    <w:rsid w:val="001028C2"/>
    <w:rsid w:val="00102C41"/>
    <w:rsid w:val="0010338E"/>
    <w:rsid w:val="00113B4A"/>
    <w:rsid w:val="001143F2"/>
    <w:rsid w:val="001154D1"/>
    <w:rsid w:val="001167A6"/>
    <w:rsid w:val="00116DEA"/>
    <w:rsid w:val="00117EC7"/>
    <w:rsid w:val="00120177"/>
    <w:rsid w:val="00120AAC"/>
    <w:rsid w:val="001234D3"/>
    <w:rsid w:val="001240D8"/>
    <w:rsid w:val="00124DAE"/>
    <w:rsid w:val="00127179"/>
    <w:rsid w:val="00131FF2"/>
    <w:rsid w:val="00132A47"/>
    <w:rsid w:val="001333AF"/>
    <w:rsid w:val="00133717"/>
    <w:rsid w:val="00143563"/>
    <w:rsid w:val="001448C1"/>
    <w:rsid w:val="00145521"/>
    <w:rsid w:val="0014561C"/>
    <w:rsid w:val="0014658E"/>
    <w:rsid w:val="00150429"/>
    <w:rsid w:val="00150C04"/>
    <w:rsid w:val="001514ED"/>
    <w:rsid w:val="001529A2"/>
    <w:rsid w:val="00153144"/>
    <w:rsid w:val="0015320D"/>
    <w:rsid w:val="00160C23"/>
    <w:rsid w:val="00161740"/>
    <w:rsid w:val="00162CFE"/>
    <w:rsid w:val="00163305"/>
    <w:rsid w:val="00166169"/>
    <w:rsid w:val="0016645B"/>
    <w:rsid w:val="0016712E"/>
    <w:rsid w:val="001677A3"/>
    <w:rsid w:val="00170A62"/>
    <w:rsid w:val="001712E3"/>
    <w:rsid w:val="00173BFF"/>
    <w:rsid w:val="001742B0"/>
    <w:rsid w:val="00174309"/>
    <w:rsid w:val="001761D8"/>
    <w:rsid w:val="00176242"/>
    <w:rsid w:val="001810E7"/>
    <w:rsid w:val="00182D9E"/>
    <w:rsid w:val="00184C8D"/>
    <w:rsid w:val="0018534D"/>
    <w:rsid w:val="00187A82"/>
    <w:rsid w:val="00187AB5"/>
    <w:rsid w:val="0019289B"/>
    <w:rsid w:val="00193A23"/>
    <w:rsid w:val="00195E3D"/>
    <w:rsid w:val="00196477"/>
    <w:rsid w:val="00196AE5"/>
    <w:rsid w:val="001A3C43"/>
    <w:rsid w:val="001A425B"/>
    <w:rsid w:val="001A42CA"/>
    <w:rsid w:val="001A5B4C"/>
    <w:rsid w:val="001A654C"/>
    <w:rsid w:val="001A77A7"/>
    <w:rsid w:val="001A7B1B"/>
    <w:rsid w:val="001A7C92"/>
    <w:rsid w:val="001A7D87"/>
    <w:rsid w:val="001B1647"/>
    <w:rsid w:val="001B1B5A"/>
    <w:rsid w:val="001B2498"/>
    <w:rsid w:val="001B31AA"/>
    <w:rsid w:val="001B3865"/>
    <w:rsid w:val="001B4462"/>
    <w:rsid w:val="001B4C39"/>
    <w:rsid w:val="001B5384"/>
    <w:rsid w:val="001B57E1"/>
    <w:rsid w:val="001B7D65"/>
    <w:rsid w:val="001C1F80"/>
    <w:rsid w:val="001C261D"/>
    <w:rsid w:val="001C2B8F"/>
    <w:rsid w:val="001C438C"/>
    <w:rsid w:val="001C62DE"/>
    <w:rsid w:val="001D0AF3"/>
    <w:rsid w:val="001D12AC"/>
    <w:rsid w:val="001D1683"/>
    <w:rsid w:val="001D16B4"/>
    <w:rsid w:val="001D1EE6"/>
    <w:rsid w:val="001D3A2E"/>
    <w:rsid w:val="001D4710"/>
    <w:rsid w:val="001D6088"/>
    <w:rsid w:val="001D66BB"/>
    <w:rsid w:val="001E0E30"/>
    <w:rsid w:val="001E2AE8"/>
    <w:rsid w:val="001E313B"/>
    <w:rsid w:val="001E315D"/>
    <w:rsid w:val="001E31EE"/>
    <w:rsid w:val="001E3204"/>
    <w:rsid w:val="001E57F7"/>
    <w:rsid w:val="001F189F"/>
    <w:rsid w:val="001F5796"/>
    <w:rsid w:val="00201A4A"/>
    <w:rsid w:val="002042A7"/>
    <w:rsid w:val="00206BA7"/>
    <w:rsid w:val="0021245C"/>
    <w:rsid w:val="002155AA"/>
    <w:rsid w:val="00215F43"/>
    <w:rsid w:val="00216D6D"/>
    <w:rsid w:val="00216DC8"/>
    <w:rsid w:val="0022164D"/>
    <w:rsid w:val="002226D3"/>
    <w:rsid w:val="002227AD"/>
    <w:rsid w:val="00224B68"/>
    <w:rsid w:val="00224C44"/>
    <w:rsid w:val="002333B1"/>
    <w:rsid w:val="002333EA"/>
    <w:rsid w:val="002334F8"/>
    <w:rsid w:val="00235931"/>
    <w:rsid w:val="0023644A"/>
    <w:rsid w:val="00236782"/>
    <w:rsid w:val="00236AE4"/>
    <w:rsid w:val="00236C55"/>
    <w:rsid w:val="00241705"/>
    <w:rsid w:val="002417DF"/>
    <w:rsid w:val="00241B2D"/>
    <w:rsid w:val="00243015"/>
    <w:rsid w:val="00243E78"/>
    <w:rsid w:val="0024615F"/>
    <w:rsid w:val="0025097F"/>
    <w:rsid w:val="00252A76"/>
    <w:rsid w:val="00252C75"/>
    <w:rsid w:val="0025403B"/>
    <w:rsid w:val="002566B7"/>
    <w:rsid w:val="0026143F"/>
    <w:rsid w:val="00266F31"/>
    <w:rsid w:val="002678BB"/>
    <w:rsid w:val="00267B57"/>
    <w:rsid w:val="00270901"/>
    <w:rsid w:val="00272170"/>
    <w:rsid w:val="002725E1"/>
    <w:rsid w:val="002729C9"/>
    <w:rsid w:val="002766A9"/>
    <w:rsid w:val="00277EF7"/>
    <w:rsid w:val="00282C27"/>
    <w:rsid w:val="00282D1E"/>
    <w:rsid w:val="0028319E"/>
    <w:rsid w:val="00284B26"/>
    <w:rsid w:val="00284C9A"/>
    <w:rsid w:val="002858F8"/>
    <w:rsid w:val="00285B7D"/>
    <w:rsid w:val="00285FAE"/>
    <w:rsid w:val="00287775"/>
    <w:rsid w:val="002923B8"/>
    <w:rsid w:val="00292D4E"/>
    <w:rsid w:val="00292DFE"/>
    <w:rsid w:val="00293305"/>
    <w:rsid w:val="002934AA"/>
    <w:rsid w:val="002941F9"/>
    <w:rsid w:val="00296BAA"/>
    <w:rsid w:val="00297FCA"/>
    <w:rsid w:val="002A0931"/>
    <w:rsid w:val="002A1195"/>
    <w:rsid w:val="002A1614"/>
    <w:rsid w:val="002A161B"/>
    <w:rsid w:val="002A1B05"/>
    <w:rsid w:val="002A1E8F"/>
    <w:rsid w:val="002A1F72"/>
    <w:rsid w:val="002A39F9"/>
    <w:rsid w:val="002A4050"/>
    <w:rsid w:val="002A4ACC"/>
    <w:rsid w:val="002A5407"/>
    <w:rsid w:val="002A59DF"/>
    <w:rsid w:val="002A6136"/>
    <w:rsid w:val="002A628D"/>
    <w:rsid w:val="002B00E0"/>
    <w:rsid w:val="002B01AD"/>
    <w:rsid w:val="002B0533"/>
    <w:rsid w:val="002B0D06"/>
    <w:rsid w:val="002B1521"/>
    <w:rsid w:val="002B16EB"/>
    <w:rsid w:val="002B1915"/>
    <w:rsid w:val="002B1A55"/>
    <w:rsid w:val="002B20E6"/>
    <w:rsid w:val="002B48D9"/>
    <w:rsid w:val="002B6289"/>
    <w:rsid w:val="002B6D80"/>
    <w:rsid w:val="002B72DE"/>
    <w:rsid w:val="002B79F5"/>
    <w:rsid w:val="002C2C74"/>
    <w:rsid w:val="002C3484"/>
    <w:rsid w:val="002C3755"/>
    <w:rsid w:val="002C3C70"/>
    <w:rsid w:val="002C44AE"/>
    <w:rsid w:val="002C44F3"/>
    <w:rsid w:val="002C47EA"/>
    <w:rsid w:val="002C4E9D"/>
    <w:rsid w:val="002C542A"/>
    <w:rsid w:val="002D1048"/>
    <w:rsid w:val="002D1CD7"/>
    <w:rsid w:val="002D322F"/>
    <w:rsid w:val="002D3E2F"/>
    <w:rsid w:val="002D427C"/>
    <w:rsid w:val="002D709A"/>
    <w:rsid w:val="002D7713"/>
    <w:rsid w:val="002D7FA5"/>
    <w:rsid w:val="002E5978"/>
    <w:rsid w:val="002E6AE1"/>
    <w:rsid w:val="002F1705"/>
    <w:rsid w:val="002F2704"/>
    <w:rsid w:val="002F389D"/>
    <w:rsid w:val="002F3C0B"/>
    <w:rsid w:val="002F491B"/>
    <w:rsid w:val="002F4F25"/>
    <w:rsid w:val="0030100E"/>
    <w:rsid w:val="00301F44"/>
    <w:rsid w:val="003041A9"/>
    <w:rsid w:val="00304C41"/>
    <w:rsid w:val="0030544D"/>
    <w:rsid w:val="0030571F"/>
    <w:rsid w:val="00306F93"/>
    <w:rsid w:val="0030707E"/>
    <w:rsid w:val="003130FF"/>
    <w:rsid w:val="00316938"/>
    <w:rsid w:val="00317D1E"/>
    <w:rsid w:val="00320400"/>
    <w:rsid w:val="00321B28"/>
    <w:rsid w:val="0032217D"/>
    <w:rsid w:val="00322E83"/>
    <w:rsid w:val="003239C0"/>
    <w:rsid w:val="003278CF"/>
    <w:rsid w:val="003303B0"/>
    <w:rsid w:val="00332819"/>
    <w:rsid w:val="00333258"/>
    <w:rsid w:val="00333947"/>
    <w:rsid w:val="00333BCB"/>
    <w:rsid w:val="00334F13"/>
    <w:rsid w:val="003369C7"/>
    <w:rsid w:val="00336CA6"/>
    <w:rsid w:val="00340547"/>
    <w:rsid w:val="00340FCC"/>
    <w:rsid w:val="00341FA9"/>
    <w:rsid w:val="00342642"/>
    <w:rsid w:val="00345733"/>
    <w:rsid w:val="003508A4"/>
    <w:rsid w:val="00350C6B"/>
    <w:rsid w:val="0035151D"/>
    <w:rsid w:val="003516F0"/>
    <w:rsid w:val="00351B89"/>
    <w:rsid w:val="00356D75"/>
    <w:rsid w:val="0035728A"/>
    <w:rsid w:val="003572E9"/>
    <w:rsid w:val="00360317"/>
    <w:rsid w:val="003605C3"/>
    <w:rsid w:val="00361BC2"/>
    <w:rsid w:val="00362375"/>
    <w:rsid w:val="00362AA0"/>
    <w:rsid w:val="0036467D"/>
    <w:rsid w:val="00364B2F"/>
    <w:rsid w:val="0036582F"/>
    <w:rsid w:val="00367AFD"/>
    <w:rsid w:val="0037199A"/>
    <w:rsid w:val="003721B0"/>
    <w:rsid w:val="00373923"/>
    <w:rsid w:val="003765E7"/>
    <w:rsid w:val="00377E50"/>
    <w:rsid w:val="00381B06"/>
    <w:rsid w:val="00381F0C"/>
    <w:rsid w:val="003843BC"/>
    <w:rsid w:val="00385DD7"/>
    <w:rsid w:val="00390F97"/>
    <w:rsid w:val="003912BA"/>
    <w:rsid w:val="00395D69"/>
    <w:rsid w:val="00397D4B"/>
    <w:rsid w:val="003A0C38"/>
    <w:rsid w:val="003A5089"/>
    <w:rsid w:val="003A55AE"/>
    <w:rsid w:val="003B0211"/>
    <w:rsid w:val="003B13EC"/>
    <w:rsid w:val="003B26C6"/>
    <w:rsid w:val="003B2D76"/>
    <w:rsid w:val="003B37BB"/>
    <w:rsid w:val="003B3C37"/>
    <w:rsid w:val="003B6C56"/>
    <w:rsid w:val="003C12ED"/>
    <w:rsid w:val="003C1E79"/>
    <w:rsid w:val="003C2374"/>
    <w:rsid w:val="003C2E62"/>
    <w:rsid w:val="003C5606"/>
    <w:rsid w:val="003C7204"/>
    <w:rsid w:val="003C72CC"/>
    <w:rsid w:val="003D268B"/>
    <w:rsid w:val="003D5DC4"/>
    <w:rsid w:val="003D66D0"/>
    <w:rsid w:val="003E28CD"/>
    <w:rsid w:val="003E48DD"/>
    <w:rsid w:val="003E4D10"/>
    <w:rsid w:val="003E623A"/>
    <w:rsid w:val="003F2937"/>
    <w:rsid w:val="003F5D79"/>
    <w:rsid w:val="003F63C2"/>
    <w:rsid w:val="003F7063"/>
    <w:rsid w:val="003F7143"/>
    <w:rsid w:val="003F718F"/>
    <w:rsid w:val="003F7812"/>
    <w:rsid w:val="00400762"/>
    <w:rsid w:val="004025CB"/>
    <w:rsid w:val="0040562E"/>
    <w:rsid w:val="00406677"/>
    <w:rsid w:val="00406B5E"/>
    <w:rsid w:val="0040739E"/>
    <w:rsid w:val="00411D3F"/>
    <w:rsid w:val="00413506"/>
    <w:rsid w:val="00415F38"/>
    <w:rsid w:val="00424091"/>
    <w:rsid w:val="00425FBD"/>
    <w:rsid w:val="00427291"/>
    <w:rsid w:val="0043164B"/>
    <w:rsid w:val="00431A22"/>
    <w:rsid w:val="00431B3B"/>
    <w:rsid w:val="004321CA"/>
    <w:rsid w:val="004332DC"/>
    <w:rsid w:val="00433DA1"/>
    <w:rsid w:val="00433FB7"/>
    <w:rsid w:val="00436DF6"/>
    <w:rsid w:val="00440574"/>
    <w:rsid w:val="00441576"/>
    <w:rsid w:val="004427D7"/>
    <w:rsid w:val="00442FB9"/>
    <w:rsid w:val="004437C4"/>
    <w:rsid w:val="0044391A"/>
    <w:rsid w:val="004442A2"/>
    <w:rsid w:val="0044586A"/>
    <w:rsid w:val="0044602D"/>
    <w:rsid w:val="004467E8"/>
    <w:rsid w:val="004521A7"/>
    <w:rsid w:val="004525D9"/>
    <w:rsid w:val="00452725"/>
    <w:rsid w:val="00453775"/>
    <w:rsid w:val="004549FE"/>
    <w:rsid w:val="00455756"/>
    <w:rsid w:val="00455792"/>
    <w:rsid w:val="00457614"/>
    <w:rsid w:val="004577D5"/>
    <w:rsid w:val="00461787"/>
    <w:rsid w:val="00461BCB"/>
    <w:rsid w:val="00463337"/>
    <w:rsid w:val="004664DA"/>
    <w:rsid w:val="0046663F"/>
    <w:rsid w:val="004702F0"/>
    <w:rsid w:val="004711DB"/>
    <w:rsid w:val="00471842"/>
    <w:rsid w:val="00472422"/>
    <w:rsid w:val="0047367A"/>
    <w:rsid w:val="0047439F"/>
    <w:rsid w:val="00474606"/>
    <w:rsid w:val="00475C5C"/>
    <w:rsid w:val="004805A1"/>
    <w:rsid w:val="004816CC"/>
    <w:rsid w:val="00481887"/>
    <w:rsid w:val="00481F91"/>
    <w:rsid w:val="00483809"/>
    <w:rsid w:val="00483C88"/>
    <w:rsid w:val="0048404C"/>
    <w:rsid w:val="00484BB1"/>
    <w:rsid w:val="0048647C"/>
    <w:rsid w:val="00487D48"/>
    <w:rsid w:val="0049018C"/>
    <w:rsid w:val="00490D09"/>
    <w:rsid w:val="004910F7"/>
    <w:rsid w:val="0049196A"/>
    <w:rsid w:val="0049435B"/>
    <w:rsid w:val="0049586A"/>
    <w:rsid w:val="004A0852"/>
    <w:rsid w:val="004A1887"/>
    <w:rsid w:val="004A31AE"/>
    <w:rsid w:val="004A3B65"/>
    <w:rsid w:val="004A3BEA"/>
    <w:rsid w:val="004A543D"/>
    <w:rsid w:val="004A695B"/>
    <w:rsid w:val="004B0824"/>
    <w:rsid w:val="004B0EB4"/>
    <w:rsid w:val="004B2CF2"/>
    <w:rsid w:val="004B33CB"/>
    <w:rsid w:val="004B4DCA"/>
    <w:rsid w:val="004B519F"/>
    <w:rsid w:val="004B5280"/>
    <w:rsid w:val="004C1150"/>
    <w:rsid w:val="004C1CF1"/>
    <w:rsid w:val="004C1D8D"/>
    <w:rsid w:val="004C2B5F"/>
    <w:rsid w:val="004C787F"/>
    <w:rsid w:val="004C7D5D"/>
    <w:rsid w:val="004D05BB"/>
    <w:rsid w:val="004D1635"/>
    <w:rsid w:val="004D1CBE"/>
    <w:rsid w:val="004D206B"/>
    <w:rsid w:val="004D2EA7"/>
    <w:rsid w:val="004D3446"/>
    <w:rsid w:val="004D3662"/>
    <w:rsid w:val="004D4D9A"/>
    <w:rsid w:val="004D54B8"/>
    <w:rsid w:val="004D7E80"/>
    <w:rsid w:val="004E7B7C"/>
    <w:rsid w:val="004F0B7A"/>
    <w:rsid w:val="004F0FC1"/>
    <w:rsid w:val="004F2721"/>
    <w:rsid w:val="004F3126"/>
    <w:rsid w:val="004F3AE5"/>
    <w:rsid w:val="004F5782"/>
    <w:rsid w:val="004F74F7"/>
    <w:rsid w:val="00500768"/>
    <w:rsid w:val="00500838"/>
    <w:rsid w:val="00501F3F"/>
    <w:rsid w:val="00503642"/>
    <w:rsid w:val="00503ADC"/>
    <w:rsid w:val="00506C34"/>
    <w:rsid w:val="00512E4D"/>
    <w:rsid w:val="005130C9"/>
    <w:rsid w:val="005136BE"/>
    <w:rsid w:val="00515737"/>
    <w:rsid w:val="00516203"/>
    <w:rsid w:val="0051691A"/>
    <w:rsid w:val="00517BE5"/>
    <w:rsid w:val="00520985"/>
    <w:rsid w:val="00520C1C"/>
    <w:rsid w:val="00521994"/>
    <w:rsid w:val="005220B5"/>
    <w:rsid w:val="005221EC"/>
    <w:rsid w:val="00523D43"/>
    <w:rsid w:val="005245AF"/>
    <w:rsid w:val="00526D78"/>
    <w:rsid w:val="00527CBD"/>
    <w:rsid w:val="005317A4"/>
    <w:rsid w:val="005355CC"/>
    <w:rsid w:val="005367E5"/>
    <w:rsid w:val="00536D32"/>
    <w:rsid w:val="00540AAA"/>
    <w:rsid w:val="00541423"/>
    <w:rsid w:val="00543C8E"/>
    <w:rsid w:val="005463E7"/>
    <w:rsid w:val="00551186"/>
    <w:rsid w:val="0055276C"/>
    <w:rsid w:val="00552D71"/>
    <w:rsid w:val="00553F1F"/>
    <w:rsid w:val="005542AA"/>
    <w:rsid w:val="0055562F"/>
    <w:rsid w:val="00556734"/>
    <w:rsid w:val="00557046"/>
    <w:rsid w:val="0056045D"/>
    <w:rsid w:val="00560B31"/>
    <w:rsid w:val="00562C53"/>
    <w:rsid w:val="005633B8"/>
    <w:rsid w:val="005647D1"/>
    <w:rsid w:val="005660B9"/>
    <w:rsid w:val="00570C0B"/>
    <w:rsid w:val="00570F79"/>
    <w:rsid w:val="005732D8"/>
    <w:rsid w:val="00573456"/>
    <w:rsid w:val="00573BE3"/>
    <w:rsid w:val="0057535B"/>
    <w:rsid w:val="005759DA"/>
    <w:rsid w:val="0057646B"/>
    <w:rsid w:val="0057787B"/>
    <w:rsid w:val="0058150B"/>
    <w:rsid w:val="00581904"/>
    <w:rsid w:val="00581916"/>
    <w:rsid w:val="005828B0"/>
    <w:rsid w:val="005838AD"/>
    <w:rsid w:val="0058393C"/>
    <w:rsid w:val="00583DAA"/>
    <w:rsid w:val="00587D34"/>
    <w:rsid w:val="005903B2"/>
    <w:rsid w:val="005924CA"/>
    <w:rsid w:val="00592795"/>
    <w:rsid w:val="00592BAA"/>
    <w:rsid w:val="00596E41"/>
    <w:rsid w:val="00597C6B"/>
    <w:rsid w:val="005A0CDB"/>
    <w:rsid w:val="005A2586"/>
    <w:rsid w:val="005A267C"/>
    <w:rsid w:val="005A341B"/>
    <w:rsid w:val="005A36C1"/>
    <w:rsid w:val="005A3CE2"/>
    <w:rsid w:val="005A6D3A"/>
    <w:rsid w:val="005A7608"/>
    <w:rsid w:val="005A7830"/>
    <w:rsid w:val="005A7F87"/>
    <w:rsid w:val="005B18C2"/>
    <w:rsid w:val="005B217B"/>
    <w:rsid w:val="005B42D7"/>
    <w:rsid w:val="005B5F65"/>
    <w:rsid w:val="005B7E7F"/>
    <w:rsid w:val="005C0652"/>
    <w:rsid w:val="005C20E5"/>
    <w:rsid w:val="005C59A3"/>
    <w:rsid w:val="005D02F4"/>
    <w:rsid w:val="005D0CBC"/>
    <w:rsid w:val="005D2B7E"/>
    <w:rsid w:val="005D423E"/>
    <w:rsid w:val="005D4769"/>
    <w:rsid w:val="005D5918"/>
    <w:rsid w:val="005D5B0B"/>
    <w:rsid w:val="005D6459"/>
    <w:rsid w:val="005D7D52"/>
    <w:rsid w:val="005E0B91"/>
    <w:rsid w:val="005E0DD2"/>
    <w:rsid w:val="005E119E"/>
    <w:rsid w:val="005E2500"/>
    <w:rsid w:val="005E5760"/>
    <w:rsid w:val="005E5B2E"/>
    <w:rsid w:val="005E6E69"/>
    <w:rsid w:val="005F7DE9"/>
    <w:rsid w:val="006010F0"/>
    <w:rsid w:val="006025D3"/>
    <w:rsid w:val="00602DC1"/>
    <w:rsid w:val="00603E11"/>
    <w:rsid w:val="00604793"/>
    <w:rsid w:val="00604E51"/>
    <w:rsid w:val="006053A8"/>
    <w:rsid w:val="00605EF1"/>
    <w:rsid w:val="0061053C"/>
    <w:rsid w:val="006105D2"/>
    <w:rsid w:val="00610A4C"/>
    <w:rsid w:val="00610BB7"/>
    <w:rsid w:val="006114D2"/>
    <w:rsid w:val="0061176A"/>
    <w:rsid w:val="00613A41"/>
    <w:rsid w:val="00614B53"/>
    <w:rsid w:val="006160ED"/>
    <w:rsid w:val="00617F54"/>
    <w:rsid w:val="00623B6B"/>
    <w:rsid w:val="00624AB0"/>
    <w:rsid w:val="006250A8"/>
    <w:rsid w:val="00625A27"/>
    <w:rsid w:val="006275FE"/>
    <w:rsid w:val="00627C9E"/>
    <w:rsid w:val="00631965"/>
    <w:rsid w:val="0063363E"/>
    <w:rsid w:val="0063635D"/>
    <w:rsid w:val="00636B52"/>
    <w:rsid w:val="00640248"/>
    <w:rsid w:val="006403FB"/>
    <w:rsid w:val="00640457"/>
    <w:rsid w:val="00640B0D"/>
    <w:rsid w:val="0064117A"/>
    <w:rsid w:val="006418F3"/>
    <w:rsid w:val="00641DA4"/>
    <w:rsid w:val="00643276"/>
    <w:rsid w:val="006462F8"/>
    <w:rsid w:val="00647D98"/>
    <w:rsid w:val="00650C5A"/>
    <w:rsid w:val="00651065"/>
    <w:rsid w:val="00652701"/>
    <w:rsid w:val="00653A29"/>
    <w:rsid w:val="00653F58"/>
    <w:rsid w:val="006548E2"/>
    <w:rsid w:val="00655003"/>
    <w:rsid w:val="00655AAD"/>
    <w:rsid w:val="00657B82"/>
    <w:rsid w:val="00661E46"/>
    <w:rsid w:val="00662695"/>
    <w:rsid w:val="00662EA4"/>
    <w:rsid w:val="0066358A"/>
    <w:rsid w:val="006648F1"/>
    <w:rsid w:val="006662F7"/>
    <w:rsid w:val="0066695B"/>
    <w:rsid w:val="00671214"/>
    <w:rsid w:val="00672AB2"/>
    <w:rsid w:val="00674786"/>
    <w:rsid w:val="006769EC"/>
    <w:rsid w:val="00676C42"/>
    <w:rsid w:val="006770BB"/>
    <w:rsid w:val="006821A7"/>
    <w:rsid w:val="006827FC"/>
    <w:rsid w:val="006836E8"/>
    <w:rsid w:val="006839C9"/>
    <w:rsid w:val="00684C47"/>
    <w:rsid w:val="00685DE5"/>
    <w:rsid w:val="00686DCC"/>
    <w:rsid w:val="006904B4"/>
    <w:rsid w:val="00690ECD"/>
    <w:rsid w:val="00693A96"/>
    <w:rsid w:val="00694DC6"/>
    <w:rsid w:val="00696D0B"/>
    <w:rsid w:val="00696FD8"/>
    <w:rsid w:val="006A25FE"/>
    <w:rsid w:val="006A2AD2"/>
    <w:rsid w:val="006A31B7"/>
    <w:rsid w:val="006A5427"/>
    <w:rsid w:val="006B10D9"/>
    <w:rsid w:val="006B48D4"/>
    <w:rsid w:val="006B5651"/>
    <w:rsid w:val="006B61E2"/>
    <w:rsid w:val="006B73D2"/>
    <w:rsid w:val="006C0C1C"/>
    <w:rsid w:val="006C60BE"/>
    <w:rsid w:val="006D277B"/>
    <w:rsid w:val="006D4546"/>
    <w:rsid w:val="006D5650"/>
    <w:rsid w:val="006D6B8F"/>
    <w:rsid w:val="006D72B7"/>
    <w:rsid w:val="006E17C7"/>
    <w:rsid w:val="006E6C52"/>
    <w:rsid w:val="006E72BC"/>
    <w:rsid w:val="006F18A3"/>
    <w:rsid w:val="006F512F"/>
    <w:rsid w:val="006F55A1"/>
    <w:rsid w:val="006F70B9"/>
    <w:rsid w:val="006F73F2"/>
    <w:rsid w:val="00701F7B"/>
    <w:rsid w:val="00704477"/>
    <w:rsid w:val="00704BAC"/>
    <w:rsid w:val="00706552"/>
    <w:rsid w:val="0070671F"/>
    <w:rsid w:val="00706BBB"/>
    <w:rsid w:val="0071002C"/>
    <w:rsid w:val="0071087C"/>
    <w:rsid w:val="00713CF1"/>
    <w:rsid w:val="0071582E"/>
    <w:rsid w:val="00715B05"/>
    <w:rsid w:val="00715F29"/>
    <w:rsid w:val="0071626F"/>
    <w:rsid w:val="007163DA"/>
    <w:rsid w:val="007172B6"/>
    <w:rsid w:val="007177B9"/>
    <w:rsid w:val="00717C07"/>
    <w:rsid w:val="007214CD"/>
    <w:rsid w:val="00724492"/>
    <w:rsid w:val="00725220"/>
    <w:rsid w:val="00732525"/>
    <w:rsid w:val="00733FBB"/>
    <w:rsid w:val="00734EDE"/>
    <w:rsid w:val="00735A28"/>
    <w:rsid w:val="00735FB6"/>
    <w:rsid w:val="00736705"/>
    <w:rsid w:val="00736CA5"/>
    <w:rsid w:val="00736DB1"/>
    <w:rsid w:val="007374DD"/>
    <w:rsid w:val="00737C8D"/>
    <w:rsid w:val="00737E4F"/>
    <w:rsid w:val="00740636"/>
    <w:rsid w:val="00740975"/>
    <w:rsid w:val="007450A9"/>
    <w:rsid w:val="007452BF"/>
    <w:rsid w:val="0074541F"/>
    <w:rsid w:val="00746878"/>
    <w:rsid w:val="00746E73"/>
    <w:rsid w:val="007477D0"/>
    <w:rsid w:val="00750488"/>
    <w:rsid w:val="0075119E"/>
    <w:rsid w:val="0075391F"/>
    <w:rsid w:val="007550A5"/>
    <w:rsid w:val="0075729E"/>
    <w:rsid w:val="00760DDB"/>
    <w:rsid w:val="0076195D"/>
    <w:rsid w:val="00763E52"/>
    <w:rsid w:val="00770065"/>
    <w:rsid w:val="00770A2C"/>
    <w:rsid w:val="00771527"/>
    <w:rsid w:val="007715E6"/>
    <w:rsid w:val="00773169"/>
    <w:rsid w:val="00774A56"/>
    <w:rsid w:val="00776272"/>
    <w:rsid w:val="00777FB3"/>
    <w:rsid w:val="00781241"/>
    <w:rsid w:val="0078218A"/>
    <w:rsid w:val="00782B14"/>
    <w:rsid w:val="00782C66"/>
    <w:rsid w:val="00782EE2"/>
    <w:rsid w:val="007838A8"/>
    <w:rsid w:val="007850A8"/>
    <w:rsid w:val="007853A2"/>
    <w:rsid w:val="007875F6"/>
    <w:rsid w:val="00787FA8"/>
    <w:rsid w:val="00792C6C"/>
    <w:rsid w:val="007931D9"/>
    <w:rsid w:val="0079637E"/>
    <w:rsid w:val="007976C0"/>
    <w:rsid w:val="007A0289"/>
    <w:rsid w:val="007A10E6"/>
    <w:rsid w:val="007A169F"/>
    <w:rsid w:val="007A194B"/>
    <w:rsid w:val="007A6104"/>
    <w:rsid w:val="007A6859"/>
    <w:rsid w:val="007A7894"/>
    <w:rsid w:val="007A7C10"/>
    <w:rsid w:val="007B262E"/>
    <w:rsid w:val="007B3D3B"/>
    <w:rsid w:val="007B439B"/>
    <w:rsid w:val="007B5555"/>
    <w:rsid w:val="007B6AB0"/>
    <w:rsid w:val="007C5113"/>
    <w:rsid w:val="007D06C3"/>
    <w:rsid w:val="007D108B"/>
    <w:rsid w:val="007D10FE"/>
    <w:rsid w:val="007D17B6"/>
    <w:rsid w:val="007D1A64"/>
    <w:rsid w:val="007D1D8B"/>
    <w:rsid w:val="007D4326"/>
    <w:rsid w:val="007D4990"/>
    <w:rsid w:val="007D5551"/>
    <w:rsid w:val="007D6E89"/>
    <w:rsid w:val="007D7EA2"/>
    <w:rsid w:val="007E0D73"/>
    <w:rsid w:val="007E11E0"/>
    <w:rsid w:val="007E3438"/>
    <w:rsid w:val="007E47AD"/>
    <w:rsid w:val="007E59D5"/>
    <w:rsid w:val="007E6831"/>
    <w:rsid w:val="007E6EE4"/>
    <w:rsid w:val="007E71FC"/>
    <w:rsid w:val="007E72AC"/>
    <w:rsid w:val="007F0AAC"/>
    <w:rsid w:val="007F0F4C"/>
    <w:rsid w:val="007F1ED3"/>
    <w:rsid w:val="007F2853"/>
    <w:rsid w:val="007F4443"/>
    <w:rsid w:val="007F782C"/>
    <w:rsid w:val="007F788A"/>
    <w:rsid w:val="008007BC"/>
    <w:rsid w:val="008027AD"/>
    <w:rsid w:val="008039EE"/>
    <w:rsid w:val="00805124"/>
    <w:rsid w:val="00805CF1"/>
    <w:rsid w:val="0080649E"/>
    <w:rsid w:val="00806872"/>
    <w:rsid w:val="00806933"/>
    <w:rsid w:val="00807062"/>
    <w:rsid w:val="00813ADA"/>
    <w:rsid w:val="00816128"/>
    <w:rsid w:val="0081786E"/>
    <w:rsid w:val="008203F3"/>
    <w:rsid w:val="008204E1"/>
    <w:rsid w:val="00821711"/>
    <w:rsid w:val="008226BC"/>
    <w:rsid w:val="00823886"/>
    <w:rsid w:val="00823FEB"/>
    <w:rsid w:val="00824383"/>
    <w:rsid w:val="008247E5"/>
    <w:rsid w:val="00830AE5"/>
    <w:rsid w:val="00831F77"/>
    <w:rsid w:val="008363BF"/>
    <w:rsid w:val="008374AF"/>
    <w:rsid w:val="00837B28"/>
    <w:rsid w:val="008400FF"/>
    <w:rsid w:val="008417B6"/>
    <w:rsid w:val="00842068"/>
    <w:rsid w:val="0084421F"/>
    <w:rsid w:val="00844F96"/>
    <w:rsid w:val="0084628A"/>
    <w:rsid w:val="00851EBD"/>
    <w:rsid w:val="0085371A"/>
    <w:rsid w:val="00854B82"/>
    <w:rsid w:val="00855497"/>
    <w:rsid w:val="00856150"/>
    <w:rsid w:val="008565F0"/>
    <w:rsid w:val="00856C31"/>
    <w:rsid w:val="00860673"/>
    <w:rsid w:val="00860812"/>
    <w:rsid w:val="008616C6"/>
    <w:rsid w:val="008618B5"/>
    <w:rsid w:val="00861FFA"/>
    <w:rsid w:val="00864005"/>
    <w:rsid w:val="00865A1A"/>
    <w:rsid w:val="00865C34"/>
    <w:rsid w:val="008665CC"/>
    <w:rsid w:val="00867F9C"/>
    <w:rsid w:val="00871422"/>
    <w:rsid w:val="008757B9"/>
    <w:rsid w:val="0087694A"/>
    <w:rsid w:val="00876E35"/>
    <w:rsid w:val="0088172A"/>
    <w:rsid w:val="00881F80"/>
    <w:rsid w:val="00882B61"/>
    <w:rsid w:val="00883521"/>
    <w:rsid w:val="00883806"/>
    <w:rsid w:val="00883946"/>
    <w:rsid w:val="00884931"/>
    <w:rsid w:val="00884E19"/>
    <w:rsid w:val="008850B8"/>
    <w:rsid w:val="008860CB"/>
    <w:rsid w:val="0088637B"/>
    <w:rsid w:val="008877AC"/>
    <w:rsid w:val="00887923"/>
    <w:rsid w:val="008902CC"/>
    <w:rsid w:val="00890969"/>
    <w:rsid w:val="00890CCD"/>
    <w:rsid w:val="00891558"/>
    <w:rsid w:val="008930E5"/>
    <w:rsid w:val="00894365"/>
    <w:rsid w:val="00894E54"/>
    <w:rsid w:val="00894F5A"/>
    <w:rsid w:val="0089502C"/>
    <w:rsid w:val="0089618D"/>
    <w:rsid w:val="00896330"/>
    <w:rsid w:val="008A3359"/>
    <w:rsid w:val="008A5040"/>
    <w:rsid w:val="008B1F9A"/>
    <w:rsid w:val="008B2A9D"/>
    <w:rsid w:val="008B36E5"/>
    <w:rsid w:val="008B4235"/>
    <w:rsid w:val="008B4DD3"/>
    <w:rsid w:val="008C11E1"/>
    <w:rsid w:val="008C1675"/>
    <w:rsid w:val="008C4C91"/>
    <w:rsid w:val="008C4F15"/>
    <w:rsid w:val="008D0A03"/>
    <w:rsid w:val="008D0C0E"/>
    <w:rsid w:val="008D157C"/>
    <w:rsid w:val="008D28F4"/>
    <w:rsid w:val="008D3896"/>
    <w:rsid w:val="008D66F2"/>
    <w:rsid w:val="008D6E5C"/>
    <w:rsid w:val="008E05FF"/>
    <w:rsid w:val="008E1542"/>
    <w:rsid w:val="008E1D8E"/>
    <w:rsid w:val="008E2653"/>
    <w:rsid w:val="008E79ED"/>
    <w:rsid w:val="008E7C3A"/>
    <w:rsid w:val="008F014F"/>
    <w:rsid w:val="008F1190"/>
    <w:rsid w:val="008F20AC"/>
    <w:rsid w:val="008F3B79"/>
    <w:rsid w:val="008F69D0"/>
    <w:rsid w:val="0090178C"/>
    <w:rsid w:val="00902F48"/>
    <w:rsid w:val="00903A7D"/>
    <w:rsid w:val="009054A1"/>
    <w:rsid w:val="00906D33"/>
    <w:rsid w:val="00906D94"/>
    <w:rsid w:val="009071FC"/>
    <w:rsid w:val="00907851"/>
    <w:rsid w:val="00910376"/>
    <w:rsid w:val="0091089C"/>
    <w:rsid w:val="00911BB0"/>
    <w:rsid w:val="00912AB1"/>
    <w:rsid w:val="00913596"/>
    <w:rsid w:val="00914238"/>
    <w:rsid w:val="0091483A"/>
    <w:rsid w:val="00915F60"/>
    <w:rsid w:val="00915FD6"/>
    <w:rsid w:val="009214D5"/>
    <w:rsid w:val="009220C4"/>
    <w:rsid w:val="00930C1B"/>
    <w:rsid w:val="00931570"/>
    <w:rsid w:val="0093378A"/>
    <w:rsid w:val="009337C5"/>
    <w:rsid w:val="00933A5F"/>
    <w:rsid w:val="00933C8E"/>
    <w:rsid w:val="00934EE7"/>
    <w:rsid w:val="00935AB1"/>
    <w:rsid w:val="009364E0"/>
    <w:rsid w:val="0093650D"/>
    <w:rsid w:val="009370DC"/>
    <w:rsid w:val="00937FD5"/>
    <w:rsid w:val="0094157D"/>
    <w:rsid w:val="00943BDA"/>
    <w:rsid w:val="009440D8"/>
    <w:rsid w:val="00952EFB"/>
    <w:rsid w:val="00953ADC"/>
    <w:rsid w:val="00955933"/>
    <w:rsid w:val="00960D33"/>
    <w:rsid w:val="009620C6"/>
    <w:rsid w:val="00964614"/>
    <w:rsid w:val="00965F53"/>
    <w:rsid w:val="0097365F"/>
    <w:rsid w:val="00974D22"/>
    <w:rsid w:val="00975763"/>
    <w:rsid w:val="00976631"/>
    <w:rsid w:val="00976889"/>
    <w:rsid w:val="00980F5C"/>
    <w:rsid w:val="009825EA"/>
    <w:rsid w:val="00983EF0"/>
    <w:rsid w:val="00985BAA"/>
    <w:rsid w:val="00987E0A"/>
    <w:rsid w:val="00990999"/>
    <w:rsid w:val="00990F11"/>
    <w:rsid w:val="00991C3D"/>
    <w:rsid w:val="00995513"/>
    <w:rsid w:val="009A0CB8"/>
    <w:rsid w:val="009A0E00"/>
    <w:rsid w:val="009A2BDF"/>
    <w:rsid w:val="009A2FFB"/>
    <w:rsid w:val="009A4B01"/>
    <w:rsid w:val="009A5AA4"/>
    <w:rsid w:val="009A5DDD"/>
    <w:rsid w:val="009A7790"/>
    <w:rsid w:val="009A7AA3"/>
    <w:rsid w:val="009B14DD"/>
    <w:rsid w:val="009B4D49"/>
    <w:rsid w:val="009B554B"/>
    <w:rsid w:val="009B5914"/>
    <w:rsid w:val="009B6531"/>
    <w:rsid w:val="009C0116"/>
    <w:rsid w:val="009C014D"/>
    <w:rsid w:val="009C21D0"/>
    <w:rsid w:val="009C31C7"/>
    <w:rsid w:val="009C3A60"/>
    <w:rsid w:val="009C3B2D"/>
    <w:rsid w:val="009C4C91"/>
    <w:rsid w:val="009C7A6F"/>
    <w:rsid w:val="009C7D7F"/>
    <w:rsid w:val="009D2086"/>
    <w:rsid w:val="009D4AB7"/>
    <w:rsid w:val="009D5B01"/>
    <w:rsid w:val="009D601B"/>
    <w:rsid w:val="009D621C"/>
    <w:rsid w:val="009D6D5B"/>
    <w:rsid w:val="009D773E"/>
    <w:rsid w:val="009E1217"/>
    <w:rsid w:val="009E315E"/>
    <w:rsid w:val="009E3F84"/>
    <w:rsid w:val="009E41B5"/>
    <w:rsid w:val="009E436F"/>
    <w:rsid w:val="009E72E8"/>
    <w:rsid w:val="009F52AA"/>
    <w:rsid w:val="009F536A"/>
    <w:rsid w:val="009F6217"/>
    <w:rsid w:val="009F77E3"/>
    <w:rsid w:val="00A0094E"/>
    <w:rsid w:val="00A01191"/>
    <w:rsid w:val="00A0130C"/>
    <w:rsid w:val="00A023EA"/>
    <w:rsid w:val="00A04E53"/>
    <w:rsid w:val="00A04F32"/>
    <w:rsid w:val="00A06C1D"/>
    <w:rsid w:val="00A06F2D"/>
    <w:rsid w:val="00A078B6"/>
    <w:rsid w:val="00A07B88"/>
    <w:rsid w:val="00A13F84"/>
    <w:rsid w:val="00A176E7"/>
    <w:rsid w:val="00A17EB3"/>
    <w:rsid w:val="00A21C13"/>
    <w:rsid w:val="00A23147"/>
    <w:rsid w:val="00A24D6F"/>
    <w:rsid w:val="00A25738"/>
    <w:rsid w:val="00A26BEF"/>
    <w:rsid w:val="00A33BB7"/>
    <w:rsid w:val="00A33E9E"/>
    <w:rsid w:val="00A35C23"/>
    <w:rsid w:val="00A40348"/>
    <w:rsid w:val="00A40846"/>
    <w:rsid w:val="00A42119"/>
    <w:rsid w:val="00A430F9"/>
    <w:rsid w:val="00A475AC"/>
    <w:rsid w:val="00A515C8"/>
    <w:rsid w:val="00A529FA"/>
    <w:rsid w:val="00A52A53"/>
    <w:rsid w:val="00A53361"/>
    <w:rsid w:val="00A55E2A"/>
    <w:rsid w:val="00A6129B"/>
    <w:rsid w:val="00A62555"/>
    <w:rsid w:val="00A63B2D"/>
    <w:rsid w:val="00A63B93"/>
    <w:rsid w:val="00A6448D"/>
    <w:rsid w:val="00A672F2"/>
    <w:rsid w:val="00A67429"/>
    <w:rsid w:val="00A7168B"/>
    <w:rsid w:val="00A72C79"/>
    <w:rsid w:val="00A7344C"/>
    <w:rsid w:val="00A766EE"/>
    <w:rsid w:val="00A76FFC"/>
    <w:rsid w:val="00A775CC"/>
    <w:rsid w:val="00A778C4"/>
    <w:rsid w:val="00A802E6"/>
    <w:rsid w:val="00A81A13"/>
    <w:rsid w:val="00A82E89"/>
    <w:rsid w:val="00A83472"/>
    <w:rsid w:val="00A83828"/>
    <w:rsid w:val="00A8420D"/>
    <w:rsid w:val="00A84561"/>
    <w:rsid w:val="00A85353"/>
    <w:rsid w:val="00A906BE"/>
    <w:rsid w:val="00A95705"/>
    <w:rsid w:val="00A95AA3"/>
    <w:rsid w:val="00A96B3D"/>
    <w:rsid w:val="00A96CD8"/>
    <w:rsid w:val="00A96E62"/>
    <w:rsid w:val="00A96ECA"/>
    <w:rsid w:val="00A9795A"/>
    <w:rsid w:val="00AA2B7B"/>
    <w:rsid w:val="00AA471D"/>
    <w:rsid w:val="00AA5D76"/>
    <w:rsid w:val="00AA64DF"/>
    <w:rsid w:val="00AA69A4"/>
    <w:rsid w:val="00AA6BBA"/>
    <w:rsid w:val="00AA6D67"/>
    <w:rsid w:val="00AA6EF8"/>
    <w:rsid w:val="00AA78F1"/>
    <w:rsid w:val="00AB059C"/>
    <w:rsid w:val="00AB3D01"/>
    <w:rsid w:val="00AB4801"/>
    <w:rsid w:val="00AB49D2"/>
    <w:rsid w:val="00AB4BFD"/>
    <w:rsid w:val="00AB532F"/>
    <w:rsid w:val="00AB7386"/>
    <w:rsid w:val="00AB785C"/>
    <w:rsid w:val="00AC22C3"/>
    <w:rsid w:val="00AC2586"/>
    <w:rsid w:val="00AC31F6"/>
    <w:rsid w:val="00AC368D"/>
    <w:rsid w:val="00AC36DA"/>
    <w:rsid w:val="00AC3774"/>
    <w:rsid w:val="00AD148B"/>
    <w:rsid w:val="00AD3095"/>
    <w:rsid w:val="00AD3211"/>
    <w:rsid w:val="00AD3BDA"/>
    <w:rsid w:val="00AD634F"/>
    <w:rsid w:val="00AE00B9"/>
    <w:rsid w:val="00AE169B"/>
    <w:rsid w:val="00AE22DA"/>
    <w:rsid w:val="00AE47EA"/>
    <w:rsid w:val="00AF076A"/>
    <w:rsid w:val="00AF12B6"/>
    <w:rsid w:val="00AF31A6"/>
    <w:rsid w:val="00AF359D"/>
    <w:rsid w:val="00AF5DD3"/>
    <w:rsid w:val="00B00018"/>
    <w:rsid w:val="00B00150"/>
    <w:rsid w:val="00B01D1A"/>
    <w:rsid w:val="00B03645"/>
    <w:rsid w:val="00B03713"/>
    <w:rsid w:val="00B05AD3"/>
    <w:rsid w:val="00B0676B"/>
    <w:rsid w:val="00B10116"/>
    <w:rsid w:val="00B1163E"/>
    <w:rsid w:val="00B11A86"/>
    <w:rsid w:val="00B123BA"/>
    <w:rsid w:val="00B12571"/>
    <w:rsid w:val="00B14217"/>
    <w:rsid w:val="00B14260"/>
    <w:rsid w:val="00B15B4D"/>
    <w:rsid w:val="00B17737"/>
    <w:rsid w:val="00B20047"/>
    <w:rsid w:val="00B23C87"/>
    <w:rsid w:val="00B2578F"/>
    <w:rsid w:val="00B26DEF"/>
    <w:rsid w:val="00B30325"/>
    <w:rsid w:val="00B30923"/>
    <w:rsid w:val="00B30E64"/>
    <w:rsid w:val="00B310A2"/>
    <w:rsid w:val="00B330EA"/>
    <w:rsid w:val="00B35275"/>
    <w:rsid w:val="00B411BB"/>
    <w:rsid w:val="00B41C89"/>
    <w:rsid w:val="00B451A1"/>
    <w:rsid w:val="00B46A7D"/>
    <w:rsid w:val="00B6248E"/>
    <w:rsid w:val="00B62C1C"/>
    <w:rsid w:val="00B64EEB"/>
    <w:rsid w:val="00B65659"/>
    <w:rsid w:val="00B67848"/>
    <w:rsid w:val="00B70FC2"/>
    <w:rsid w:val="00B71737"/>
    <w:rsid w:val="00B71923"/>
    <w:rsid w:val="00B71DE6"/>
    <w:rsid w:val="00B724B1"/>
    <w:rsid w:val="00B7396C"/>
    <w:rsid w:val="00B74751"/>
    <w:rsid w:val="00B7493A"/>
    <w:rsid w:val="00B74E96"/>
    <w:rsid w:val="00B753D4"/>
    <w:rsid w:val="00B808BF"/>
    <w:rsid w:val="00B81EF1"/>
    <w:rsid w:val="00B84D9B"/>
    <w:rsid w:val="00B87D5F"/>
    <w:rsid w:val="00B915C8"/>
    <w:rsid w:val="00B91A93"/>
    <w:rsid w:val="00B94274"/>
    <w:rsid w:val="00B96042"/>
    <w:rsid w:val="00B971F7"/>
    <w:rsid w:val="00B972C5"/>
    <w:rsid w:val="00BA1F6B"/>
    <w:rsid w:val="00BA24A8"/>
    <w:rsid w:val="00BA2CEB"/>
    <w:rsid w:val="00BA2FD9"/>
    <w:rsid w:val="00BA370D"/>
    <w:rsid w:val="00BA70EE"/>
    <w:rsid w:val="00BA7456"/>
    <w:rsid w:val="00BB351D"/>
    <w:rsid w:val="00BB3F68"/>
    <w:rsid w:val="00BB55C7"/>
    <w:rsid w:val="00BB5D72"/>
    <w:rsid w:val="00BB6EAE"/>
    <w:rsid w:val="00BC021E"/>
    <w:rsid w:val="00BC061C"/>
    <w:rsid w:val="00BC1E16"/>
    <w:rsid w:val="00BC32B4"/>
    <w:rsid w:val="00BC5E7D"/>
    <w:rsid w:val="00BC6931"/>
    <w:rsid w:val="00BC6CCC"/>
    <w:rsid w:val="00BD0126"/>
    <w:rsid w:val="00BD1518"/>
    <w:rsid w:val="00BD1BCD"/>
    <w:rsid w:val="00BD1E6E"/>
    <w:rsid w:val="00BD2AE4"/>
    <w:rsid w:val="00BD2D9C"/>
    <w:rsid w:val="00BD39AB"/>
    <w:rsid w:val="00BD6373"/>
    <w:rsid w:val="00BE0F65"/>
    <w:rsid w:val="00BE2AB7"/>
    <w:rsid w:val="00BE5853"/>
    <w:rsid w:val="00BE6F7E"/>
    <w:rsid w:val="00BF0795"/>
    <w:rsid w:val="00BF0881"/>
    <w:rsid w:val="00BF08CF"/>
    <w:rsid w:val="00BF12C5"/>
    <w:rsid w:val="00BF5CD2"/>
    <w:rsid w:val="00BF6D54"/>
    <w:rsid w:val="00C01BFA"/>
    <w:rsid w:val="00C0421C"/>
    <w:rsid w:val="00C0483D"/>
    <w:rsid w:val="00C0535D"/>
    <w:rsid w:val="00C06E19"/>
    <w:rsid w:val="00C06F58"/>
    <w:rsid w:val="00C07C5E"/>
    <w:rsid w:val="00C07D14"/>
    <w:rsid w:val="00C12211"/>
    <w:rsid w:val="00C1243C"/>
    <w:rsid w:val="00C12A52"/>
    <w:rsid w:val="00C12DD1"/>
    <w:rsid w:val="00C12EA0"/>
    <w:rsid w:val="00C13F2D"/>
    <w:rsid w:val="00C143B6"/>
    <w:rsid w:val="00C14CAE"/>
    <w:rsid w:val="00C17261"/>
    <w:rsid w:val="00C17A5C"/>
    <w:rsid w:val="00C21DEA"/>
    <w:rsid w:val="00C23C81"/>
    <w:rsid w:val="00C24195"/>
    <w:rsid w:val="00C25C1B"/>
    <w:rsid w:val="00C262DA"/>
    <w:rsid w:val="00C30E20"/>
    <w:rsid w:val="00C30E3A"/>
    <w:rsid w:val="00C312B8"/>
    <w:rsid w:val="00C31813"/>
    <w:rsid w:val="00C31BEC"/>
    <w:rsid w:val="00C34471"/>
    <w:rsid w:val="00C34D1F"/>
    <w:rsid w:val="00C34D2C"/>
    <w:rsid w:val="00C36D90"/>
    <w:rsid w:val="00C4673E"/>
    <w:rsid w:val="00C4711F"/>
    <w:rsid w:val="00C475BC"/>
    <w:rsid w:val="00C50C36"/>
    <w:rsid w:val="00C52AFA"/>
    <w:rsid w:val="00C604D3"/>
    <w:rsid w:val="00C622DB"/>
    <w:rsid w:val="00C65F4D"/>
    <w:rsid w:val="00C76E26"/>
    <w:rsid w:val="00C8051F"/>
    <w:rsid w:val="00C8417E"/>
    <w:rsid w:val="00C84F48"/>
    <w:rsid w:val="00C85B31"/>
    <w:rsid w:val="00C86A02"/>
    <w:rsid w:val="00C86A9B"/>
    <w:rsid w:val="00C9039E"/>
    <w:rsid w:val="00C91DEE"/>
    <w:rsid w:val="00C92675"/>
    <w:rsid w:val="00C92BE7"/>
    <w:rsid w:val="00C92FBC"/>
    <w:rsid w:val="00C933C4"/>
    <w:rsid w:val="00C941A5"/>
    <w:rsid w:val="00C957F7"/>
    <w:rsid w:val="00C97B65"/>
    <w:rsid w:val="00CA155B"/>
    <w:rsid w:val="00CA5D33"/>
    <w:rsid w:val="00CA5F0D"/>
    <w:rsid w:val="00CA75AA"/>
    <w:rsid w:val="00CB0026"/>
    <w:rsid w:val="00CB0E43"/>
    <w:rsid w:val="00CB1F6E"/>
    <w:rsid w:val="00CB33A3"/>
    <w:rsid w:val="00CC1065"/>
    <w:rsid w:val="00CC1071"/>
    <w:rsid w:val="00CC27E6"/>
    <w:rsid w:val="00CC2CD1"/>
    <w:rsid w:val="00CC400E"/>
    <w:rsid w:val="00CC4065"/>
    <w:rsid w:val="00CC4268"/>
    <w:rsid w:val="00CC52E3"/>
    <w:rsid w:val="00CC6403"/>
    <w:rsid w:val="00CC677F"/>
    <w:rsid w:val="00CC69B3"/>
    <w:rsid w:val="00CD1C14"/>
    <w:rsid w:val="00CD1C19"/>
    <w:rsid w:val="00CD1E01"/>
    <w:rsid w:val="00CD66D2"/>
    <w:rsid w:val="00CD6B00"/>
    <w:rsid w:val="00CE1C6A"/>
    <w:rsid w:val="00CE1DE6"/>
    <w:rsid w:val="00CE27B1"/>
    <w:rsid w:val="00CE3114"/>
    <w:rsid w:val="00CE49F7"/>
    <w:rsid w:val="00CF5330"/>
    <w:rsid w:val="00CF6084"/>
    <w:rsid w:val="00CF664C"/>
    <w:rsid w:val="00D0581D"/>
    <w:rsid w:val="00D10B50"/>
    <w:rsid w:val="00D141A2"/>
    <w:rsid w:val="00D17EC8"/>
    <w:rsid w:val="00D20177"/>
    <w:rsid w:val="00D244AC"/>
    <w:rsid w:val="00D24BDB"/>
    <w:rsid w:val="00D264D4"/>
    <w:rsid w:val="00D2655D"/>
    <w:rsid w:val="00D279E0"/>
    <w:rsid w:val="00D27F08"/>
    <w:rsid w:val="00D3524E"/>
    <w:rsid w:val="00D405AC"/>
    <w:rsid w:val="00D416C8"/>
    <w:rsid w:val="00D41AA9"/>
    <w:rsid w:val="00D43C06"/>
    <w:rsid w:val="00D43D62"/>
    <w:rsid w:val="00D459A0"/>
    <w:rsid w:val="00D50716"/>
    <w:rsid w:val="00D523A1"/>
    <w:rsid w:val="00D52B79"/>
    <w:rsid w:val="00D53732"/>
    <w:rsid w:val="00D54142"/>
    <w:rsid w:val="00D556D3"/>
    <w:rsid w:val="00D6077B"/>
    <w:rsid w:val="00D6157E"/>
    <w:rsid w:val="00D62A37"/>
    <w:rsid w:val="00D62E87"/>
    <w:rsid w:val="00D645DA"/>
    <w:rsid w:val="00D64620"/>
    <w:rsid w:val="00D66041"/>
    <w:rsid w:val="00D6691D"/>
    <w:rsid w:val="00D671A7"/>
    <w:rsid w:val="00D71F5F"/>
    <w:rsid w:val="00D729CA"/>
    <w:rsid w:val="00D72E6B"/>
    <w:rsid w:val="00D7422F"/>
    <w:rsid w:val="00D756FD"/>
    <w:rsid w:val="00D759F8"/>
    <w:rsid w:val="00D76AE9"/>
    <w:rsid w:val="00D7705A"/>
    <w:rsid w:val="00D802AA"/>
    <w:rsid w:val="00D87F14"/>
    <w:rsid w:val="00D90419"/>
    <w:rsid w:val="00D92923"/>
    <w:rsid w:val="00D93CFE"/>
    <w:rsid w:val="00D9679F"/>
    <w:rsid w:val="00D9737F"/>
    <w:rsid w:val="00DA0150"/>
    <w:rsid w:val="00DA3D34"/>
    <w:rsid w:val="00DA3D5C"/>
    <w:rsid w:val="00DB16A2"/>
    <w:rsid w:val="00DB27DD"/>
    <w:rsid w:val="00DB32EF"/>
    <w:rsid w:val="00DB7342"/>
    <w:rsid w:val="00DC04BF"/>
    <w:rsid w:val="00DC1B13"/>
    <w:rsid w:val="00DC1CA3"/>
    <w:rsid w:val="00DC1D88"/>
    <w:rsid w:val="00DC23FE"/>
    <w:rsid w:val="00DC4DEA"/>
    <w:rsid w:val="00DC4E92"/>
    <w:rsid w:val="00DC74D8"/>
    <w:rsid w:val="00DC7997"/>
    <w:rsid w:val="00DD20F5"/>
    <w:rsid w:val="00DD2B19"/>
    <w:rsid w:val="00DD3243"/>
    <w:rsid w:val="00DD4E8A"/>
    <w:rsid w:val="00DD67DF"/>
    <w:rsid w:val="00DE3491"/>
    <w:rsid w:val="00DE3E5C"/>
    <w:rsid w:val="00DE3EAF"/>
    <w:rsid w:val="00DE6EAA"/>
    <w:rsid w:val="00DE7478"/>
    <w:rsid w:val="00DF148C"/>
    <w:rsid w:val="00DF175A"/>
    <w:rsid w:val="00DF1E6D"/>
    <w:rsid w:val="00DF6217"/>
    <w:rsid w:val="00DF6B9A"/>
    <w:rsid w:val="00E021B7"/>
    <w:rsid w:val="00E02591"/>
    <w:rsid w:val="00E03027"/>
    <w:rsid w:val="00E036DC"/>
    <w:rsid w:val="00E03FA8"/>
    <w:rsid w:val="00E05218"/>
    <w:rsid w:val="00E05F7E"/>
    <w:rsid w:val="00E06C54"/>
    <w:rsid w:val="00E1105F"/>
    <w:rsid w:val="00E11D02"/>
    <w:rsid w:val="00E122B4"/>
    <w:rsid w:val="00E1285C"/>
    <w:rsid w:val="00E15D61"/>
    <w:rsid w:val="00E16DE8"/>
    <w:rsid w:val="00E204E7"/>
    <w:rsid w:val="00E21871"/>
    <w:rsid w:val="00E21EB9"/>
    <w:rsid w:val="00E22352"/>
    <w:rsid w:val="00E23F6B"/>
    <w:rsid w:val="00E245B7"/>
    <w:rsid w:val="00E24651"/>
    <w:rsid w:val="00E24993"/>
    <w:rsid w:val="00E26FDB"/>
    <w:rsid w:val="00E27DF1"/>
    <w:rsid w:val="00E30478"/>
    <w:rsid w:val="00E31B46"/>
    <w:rsid w:val="00E31D28"/>
    <w:rsid w:val="00E32C2F"/>
    <w:rsid w:val="00E333E4"/>
    <w:rsid w:val="00E33841"/>
    <w:rsid w:val="00E37D56"/>
    <w:rsid w:val="00E402D0"/>
    <w:rsid w:val="00E42066"/>
    <w:rsid w:val="00E43534"/>
    <w:rsid w:val="00E43791"/>
    <w:rsid w:val="00E43A0F"/>
    <w:rsid w:val="00E43A82"/>
    <w:rsid w:val="00E4482F"/>
    <w:rsid w:val="00E45A94"/>
    <w:rsid w:val="00E461AE"/>
    <w:rsid w:val="00E46459"/>
    <w:rsid w:val="00E46869"/>
    <w:rsid w:val="00E530CC"/>
    <w:rsid w:val="00E56310"/>
    <w:rsid w:val="00E5675D"/>
    <w:rsid w:val="00E603D1"/>
    <w:rsid w:val="00E619B7"/>
    <w:rsid w:val="00E61DB6"/>
    <w:rsid w:val="00E61FD0"/>
    <w:rsid w:val="00E6376A"/>
    <w:rsid w:val="00E66C54"/>
    <w:rsid w:val="00E6798A"/>
    <w:rsid w:val="00E71BF5"/>
    <w:rsid w:val="00E720B9"/>
    <w:rsid w:val="00E73048"/>
    <w:rsid w:val="00E73349"/>
    <w:rsid w:val="00E742AF"/>
    <w:rsid w:val="00E74D68"/>
    <w:rsid w:val="00E753D8"/>
    <w:rsid w:val="00E83DD0"/>
    <w:rsid w:val="00E8472C"/>
    <w:rsid w:val="00E90829"/>
    <w:rsid w:val="00E93DED"/>
    <w:rsid w:val="00E9416F"/>
    <w:rsid w:val="00E953C4"/>
    <w:rsid w:val="00E9545B"/>
    <w:rsid w:val="00E970D6"/>
    <w:rsid w:val="00EA10D8"/>
    <w:rsid w:val="00EA11E1"/>
    <w:rsid w:val="00EA22F2"/>
    <w:rsid w:val="00EA3DB1"/>
    <w:rsid w:val="00EA4898"/>
    <w:rsid w:val="00EA5177"/>
    <w:rsid w:val="00EA5A25"/>
    <w:rsid w:val="00EB1710"/>
    <w:rsid w:val="00EB17D9"/>
    <w:rsid w:val="00EB1B25"/>
    <w:rsid w:val="00EC308B"/>
    <w:rsid w:val="00EC36C0"/>
    <w:rsid w:val="00EC3C39"/>
    <w:rsid w:val="00EC4708"/>
    <w:rsid w:val="00EC5A0B"/>
    <w:rsid w:val="00EC7434"/>
    <w:rsid w:val="00ED042C"/>
    <w:rsid w:val="00ED0F92"/>
    <w:rsid w:val="00ED1A5A"/>
    <w:rsid w:val="00ED1EA4"/>
    <w:rsid w:val="00ED33A9"/>
    <w:rsid w:val="00ED675D"/>
    <w:rsid w:val="00ED7968"/>
    <w:rsid w:val="00ED7CA0"/>
    <w:rsid w:val="00EE0B5A"/>
    <w:rsid w:val="00EE0DBC"/>
    <w:rsid w:val="00EE1311"/>
    <w:rsid w:val="00EE1738"/>
    <w:rsid w:val="00EE1EE9"/>
    <w:rsid w:val="00EE29F3"/>
    <w:rsid w:val="00EE31F4"/>
    <w:rsid w:val="00EE3B26"/>
    <w:rsid w:val="00EE3EFE"/>
    <w:rsid w:val="00EE492E"/>
    <w:rsid w:val="00EE4C04"/>
    <w:rsid w:val="00EF03AC"/>
    <w:rsid w:val="00EF3892"/>
    <w:rsid w:val="00EF69AF"/>
    <w:rsid w:val="00EF6E9D"/>
    <w:rsid w:val="00EF700C"/>
    <w:rsid w:val="00EF7E09"/>
    <w:rsid w:val="00F00A16"/>
    <w:rsid w:val="00F00AF6"/>
    <w:rsid w:val="00F03B21"/>
    <w:rsid w:val="00F03BF4"/>
    <w:rsid w:val="00F07E16"/>
    <w:rsid w:val="00F10A43"/>
    <w:rsid w:val="00F12974"/>
    <w:rsid w:val="00F1548C"/>
    <w:rsid w:val="00F155B0"/>
    <w:rsid w:val="00F156FC"/>
    <w:rsid w:val="00F17535"/>
    <w:rsid w:val="00F17879"/>
    <w:rsid w:val="00F20060"/>
    <w:rsid w:val="00F20A7B"/>
    <w:rsid w:val="00F210C6"/>
    <w:rsid w:val="00F23E21"/>
    <w:rsid w:val="00F240D9"/>
    <w:rsid w:val="00F25DB7"/>
    <w:rsid w:val="00F25E2B"/>
    <w:rsid w:val="00F275BE"/>
    <w:rsid w:val="00F30936"/>
    <w:rsid w:val="00F3174C"/>
    <w:rsid w:val="00F3272A"/>
    <w:rsid w:val="00F352E8"/>
    <w:rsid w:val="00F35623"/>
    <w:rsid w:val="00F36DF3"/>
    <w:rsid w:val="00F40609"/>
    <w:rsid w:val="00F408ED"/>
    <w:rsid w:val="00F42BDB"/>
    <w:rsid w:val="00F434F9"/>
    <w:rsid w:val="00F43DE1"/>
    <w:rsid w:val="00F445D9"/>
    <w:rsid w:val="00F461E4"/>
    <w:rsid w:val="00F46725"/>
    <w:rsid w:val="00F467AF"/>
    <w:rsid w:val="00F47E6A"/>
    <w:rsid w:val="00F54CAB"/>
    <w:rsid w:val="00F5770D"/>
    <w:rsid w:val="00F57EE5"/>
    <w:rsid w:val="00F6011C"/>
    <w:rsid w:val="00F60845"/>
    <w:rsid w:val="00F620CD"/>
    <w:rsid w:val="00F675DA"/>
    <w:rsid w:val="00F7001E"/>
    <w:rsid w:val="00F70142"/>
    <w:rsid w:val="00F70166"/>
    <w:rsid w:val="00F71C8C"/>
    <w:rsid w:val="00F723F1"/>
    <w:rsid w:val="00F727E1"/>
    <w:rsid w:val="00F739AD"/>
    <w:rsid w:val="00F74254"/>
    <w:rsid w:val="00F74382"/>
    <w:rsid w:val="00F76776"/>
    <w:rsid w:val="00F81029"/>
    <w:rsid w:val="00F817B6"/>
    <w:rsid w:val="00F822F5"/>
    <w:rsid w:val="00F83264"/>
    <w:rsid w:val="00F84B81"/>
    <w:rsid w:val="00F8539E"/>
    <w:rsid w:val="00F85D96"/>
    <w:rsid w:val="00F873D8"/>
    <w:rsid w:val="00F87756"/>
    <w:rsid w:val="00F87A4E"/>
    <w:rsid w:val="00F91796"/>
    <w:rsid w:val="00F92590"/>
    <w:rsid w:val="00F9332B"/>
    <w:rsid w:val="00F93513"/>
    <w:rsid w:val="00F93800"/>
    <w:rsid w:val="00F95A07"/>
    <w:rsid w:val="00FA0680"/>
    <w:rsid w:val="00FA1215"/>
    <w:rsid w:val="00FA12A9"/>
    <w:rsid w:val="00FA34CD"/>
    <w:rsid w:val="00FA4B08"/>
    <w:rsid w:val="00FB274F"/>
    <w:rsid w:val="00FB2C73"/>
    <w:rsid w:val="00FB6469"/>
    <w:rsid w:val="00FB6A87"/>
    <w:rsid w:val="00FB75BB"/>
    <w:rsid w:val="00FC00E6"/>
    <w:rsid w:val="00FC0755"/>
    <w:rsid w:val="00FC0B56"/>
    <w:rsid w:val="00FC46B0"/>
    <w:rsid w:val="00FC48C2"/>
    <w:rsid w:val="00FC5F28"/>
    <w:rsid w:val="00FC6EAA"/>
    <w:rsid w:val="00FC7781"/>
    <w:rsid w:val="00FD051E"/>
    <w:rsid w:val="00FD6CC7"/>
    <w:rsid w:val="00FD7378"/>
    <w:rsid w:val="00FE1475"/>
    <w:rsid w:val="00FE18F8"/>
    <w:rsid w:val="00FE5D6A"/>
    <w:rsid w:val="00FE6574"/>
    <w:rsid w:val="00FE74CD"/>
    <w:rsid w:val="00FE791F"/>
    <w:rsid w:val="00FF4958"/>
    <w:rsid w:val="00FF4A54"/>
    <w:rsid w:val="00FF4D61"/>
    <w:rsid w:val="00FF5342"/>
    <w:rsid w:val="00FF68CD"/>
    <w:rsid w:val="00FF6EE3"/>
    <w:rsid w:val="00FF77CE"/>
  </w:rsids>
  <m:mathPr>
    <m:mathFont m:val="Cambria Math"/>
    <m:brkBin m:val="before"/>
    <m:brkBinSub m:val="--"/>
    <m:smallFrac m:val="off"/>
    <m:dispDef/>
    <m:lMargin m:val="0"/>
    <m:rMargin m:val="0"/>
    <m:defJc m:val="centerGroup"/>
    <m:wrapIndent m:val="1440"/>
    <m:intLim m:val="subSup"/>
    <m:naryLim m:val="undOvr"/>
  </m:mathPr>
  <w:uiCompat97To2003/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martTagType w:namespaceuri="urn:schemas-microsoft-com:office:smarttags" w:name="Street"/>
  <w:smartTagType w:namespaceuri="urn:schemas-microsoft-com:office:smarttags" w:name="City"/>
  <w:smartTagType w:namespaceuri="urn:schemas-microsoft-com:office:smarttags" w:name="State"/>
  <w:smartTagType w:namespaceuri="urn:schemas-microsoft-com:office:smarttags" w:name="PostalCode"/>
  <w:smartTagType w:namespaceuri="urn:schemas-microsoft-com:office:smarttags" w:name="place"/>
  <w:smartTagType w:namespaceuri="urn:schemas-microsoft-com:office:smarttags" w:name="PlaceType"/>
  <w:shapeDefaults>
    <o:shapedefaults v:ext="edit" spidmax="21505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r="http://schemas.openxmlformats.org/officeDocument/2006/relationships" xmlns:w="http://schemas.openxmlformats.org/wordprocessingml/2006/main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58393C"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qFormat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table" w:styleId="TableGrid">
    <w:name w:val="Table Grid"/>
    <w:basedOn w:val="TableNormal"/>
    <w:rsid w:val="00CF6084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paragraph" w:styleId="Header">
    <w:name w:val="header"/>
    <w:basedOn w:val="Normal"/>
    <w:rsid w:val="00CF6084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CF6084"/>
    <w:pPr>
      <w:tabs>
        <w:tab w:val="center" w:pos="4320"/>
        <w:tab w:val="right" w:pos="8640"/>
      </w:tabs>
    </w:pPr>
  </w:style>
  <w:style w:type="paragraph" w:styleId="BodyText3">
    <w:name w:val="Body Text 3"/>
    <w:basedOn w:val="Normal"/>
    <w:rsid w:val="00CF6084"/>
    <w:pPr>
      <w:spacing w:after="120"/>
    </w:pPr>
    <w:rPr>
      <w:sz w:val="16"/>
      <w:szCs w:val="16"/>
    </w:rPr>
  </w:style>
</w:styles>
</file>

<file path=word/webSettings.xml><?xml version="1.0" encoding="utf-8"?>
<w:webSettings xmlns:r="http://schemas.openxmlformats.org/officeDocument/2006/relationships" xmlns:w="http://schemas.openxmlformats.org/wordprocessingml/2006/main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13" Type="http://schemas.openxmlformats.org/officeDocument/2006/relationships/theme" Target="theme/theme1.xml"/><Relationship Id="rId3" Type="http://schemas.openxmlformats.org/officeDocument/2006/relationships/webSettings" Target="webSettings.xml"/><Relationship Id="rId7" Type="http://schemas.openxmlformats.org/officeDocument/2006/relationships/header" Target="header2.xml"/><Relationship Id="rId12" Type="http://schemas.openxmlformats.org/officeDocument/2006/relationships/fontTable" Target="fontTable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header" Target="header1.xml"/><Relationship Id="rId11" Type="http://schemas.openxmlformats.org/officeDocument/2006/relationships/footer" Target="footer3.xml"/><Relationship Id="rId5" Type="http://schemas.openxmlformats.org/officeDocument/2006/relationships/endnotes" Target="endnotes.xml"/><Relationship Id="rId10" Type="http://schemas.openxmlformats.org/officeDocument/2006/relationships/header" Target="header3.xml"/><Relationship Id="rId4" Type="http://schemas.openxmlformats.org/officeDocument/2006/relationships/footnotes" Target="footnotes.xml"/><Relationship Id="rId9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</TotalTime>
  <Pages>1</Pages>
  <Words>248</Words>
  <Characters>1365</Characters>
  <Application>Microsoft Office Word</Application>
  <DocSecurity>0</DocSecurity>
  <Lines>253</Lines>
  <Paragraphs>18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March 2006</vt:lpstr>
    </vt:vector>
  </TitlesOfParts>
  <Company>Doherty, Wallace, Pillsbury &amp; Murphy, P.C.</Company>
  <LinksUpToDate>false</LinksUpToDate>
  <CharactersWithSpaces>1632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March 2006</dc:title>
  <dc:subject/>
  <dc:creator>lmcclay</dc:creator>
  <cp:keywords/>
  <dc:description/>
  <cp:lastModifiedBy>DWPM</cp:lastModifiedBy>
  <cp:revision>2</cp:revision>
  <cp:lastPrinted>2013-01-09T21:43:00Z</cp:lastPrinted>
  <dcterms:created xsi:type="dcterms:W3CDTF">2013-01-09T21:44:00Z</dcterms:created>
  <dcterms:modified xsi:type="dcterms:W3CDTF">2013-01-09T21:4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443429.4</vt:lpwstr>
  </property>
  <property fmtid="{D5CDD505-2E9C-101B-9397-08002B2CF9AE}" pid="3" name="iManageFile">
    <vt:lpwstr/>
  </property>
  <property fmtid="{D5CDD505-2E9C-101B-9397-08002B2CF9AE}" pid="4" name="iManageName">
    <vt:lpwstr>Lax 2013 Availability Sheet</vt:lpwstr>
  </property>
</Properties>
</file>